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42"/>
  </p:notesMasterIdLst>
  <p:handoutMasterIdLst>
    <p:handoutMasterId r:id="rId43"/>
  </p:handoutMasterIdLst>
  <p:sldIdLst>
    <p:sldId id="402" r:id="rId15"/>
    <p:sldId id="261" r:id="rId16"/>
    <p:sldId id="2082" r:id="rId17"/>
    <p:sldId id="344" r:id="rId18"/>
    <p:sldId id="264" r:id="rId19"/>
    <p:sldId id="2072" r:id="rId20"/>
    <p:sldId id="450" r:id="rId21"/>
    <p:sldId id="2147478323" r:id="rId22"/>
    <p:sldId id="2147478301" r:id="rId23"/>
    <p:sldId id="2147478302" r:id="rId24"/>
    <p:sldId id="2147478303" r:id="rId25"/>
    <p:sldId id="2147478304" r:id="rId26"/>
    <p:sldId id="2147478305" r:id="rId27"/>
    <p:sldId id="2147478306" r:id="rId28"/>
    <p:sldId id="2147478307" r:id="rId29"/>
    <p:sldId id="2147478308" r:id="rId30"/>
    <p:sldId id="2147478309" r:id="rId31"/>
    <p:sldId id="2147478310" r:id="rId32"/>
    <p:sldId id="2147478311" r:id="rId33"/>
    <p:sldId id="2147478312" r:id="rId34"/>
    <p:sldId id="2147478313" r:id="rId35"/>
    <p:sldId id="2147478315" r:id="rId36"/>
    <p:sldId id="2147478322" r:id="rId37"/>
    <p:sldId id="2147478317" r:id="rId38"/>
    <p:sldId id="2147478318" r:id="rId39"/>
    <p:sldId id="2147478319" r:id="rId40"/>
    <p:sldId id="449" r:id="rId41"/>
  </p:sldIdLst>
  <p:sldSz cx="12195175" cy="6858000"/>
  <p:notesSz cx="6858000" cy="9144000"/>
  <p:embeddedFontLst>
    <p:embeddedFont>
      <p:font typeface="72" panose="020B0503030000000003" pitchFamily="34" charset="0"/>
      <p:regular r:id="rId44"/>
      <p:bold r:id="rId45"/>
      <p:italic r:id="rId46"/>
      <p:boldItalic r:id="rId47"/>
    </p:embeddedFont>
    <p:embeddedFont>
      <p:font typeface="72 Brand" panose="020B0504030603020204" pitchFamily="34" charset="0"/>
      <p:regular r:id="rId48"/>
      <p:bold r:id="rId49"/>
      <p:italic r:id="rId50"/>
      <p:boldItalic r:id="rId51"/>
    </p:embeddedFont>
    <p:embeddedFont>
      <p:font typeface="72 Brand Black" panose="020B0A04030603020204" pitchFamily="34" charset="0"/>
      <p:bold r:id="rId52"/>
      <p:boldItalic r:id="rId53"/>
    </p:embeddedFont>
    <p:embeddedFont>
      <p:font typeface="72 Brand Medium" panose="020B0604030603020204" pitchFamily="34" charset="0"/>
      <p:regular r:id="rId54"/>
      <p:italic r:id="rId55"/>
    </p:embeddedFont>
    <p:embeddedFont>
      <p:font typeface="Roboto" panose="02000000000000000000" pitchFamily="2" charset="0"/>
      <p:regular r:id="rId56"/>
      <p:bold r:id="rId57"/>
      <p:italic r:id="rId58"/>
      <p:boldItalic r:id="rId59"/>
    </p:embeddedFont>
    <p:embeddedFont>
      <p:font typeface="Segoe UI" panose="020B0502040204020203" pitchFamily="34" charset="0"/>
      <p:regular r:id="rId60"/>
      <p:bold r:id="rId61"/>
      <p:italic r:id="rId62"/>
      <p:boldItalic r:id="rId63"/>
    </p:embeddedFont>
  </p:embeddedFontLst>
  <p:custDataLst>
    <p:tags r:id="rId6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Title" id="{F5EF44D8-F838-4A18-B0D4-1B36C06A4096}">
          <p14:sldIdLst>
            <p14:sldId id="402"/>
          </p14:sldIdLst>
        </p14:section>
        <p14:section name="Why Clean ABAP?" id="{E18A3BBD-E2DA-451C-8D47-EE41C9C7D47A}">
          <p14:sldIdLst>
            <p14:sldId id="261"/>
            <p14:sldId id="2082"/>
          </p14:sldIdLst>
        </p14:section>
        <p14:section name="Agenda" id="{1C626100-B56B-44EF-90D5-12AE533F03ED}">
          <p14:sldIdLst>
            <p14:sldId id="344"/>
          </p14:sldIdLst>
        </p14:section>
        <p14:section name="Clean ABAP Style guide" id="{CB6B55BE-20A3-4F40-9240-CD5BD175D617}">
          <p14:sldIdLst>
            <p14:sldId id="264"/>
          </p14:sldIdLst>
        </p14:section>
        <p14:section name="Code pal for Clean ABAP" id="{E07F3F0A-87BA-4038-8722-B2DE28F1546F}">
          <p14:sldIdLst>
            <p14:sldId id="2072"/>
            <p14:sldId id="450"/>
            <p14:sldId id="2147478323"/>
          </p14:sldIdLst>
        </p14:section>
        <p14:section name="ABAP cleaner" id="{8E6B1645-E263-4054-9105-BA5E29B613D2}">
          <p14:sldIdLst>
            <p14:sldId id="2147478301"/>
            <p14:sldId id="2147478302"/>
            <p14:sldId id="2147478303"/>
            <p14:sldId id="2147478304"/>
            <p14:sldId id="2147478305"/>
            <p14:sldId id="2147478306"/>
            <p14:sldId id="2147478307"/>
            <p14:sldId id="2147478308"/>
            <p14:sldId id="2147478309"/>
            <p14:sldId id="2147478310"/>
            <p14:sldId id="2147478311"/>
            <p14:sldId id="2147478312"/>
            <p14:sldId id="2147478313"/>
            <p14:sldId id="2147478315"/>
            <p14:sldId id="2147478322"/>
            <p14:sldId id="2147478317"/>
            <p14:sldId id="2147478318"/>
            <p14:sldId id="2147478319"/>
          </p14:sldIdLst>
        </p14:section>
        <p14:section name="Thank you" id="{161588CC-25C9-4C77-8BE5-8F7528E6396D}">
          <p14:sldIdLst>
            <p14:sldId id="449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0AB00"/>
    <a:srgbClr val="2FA5F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5DA1D14-14FA-41B6-9A8B-5E6EA5FA65B2}" v="18" dt="2024-06-27T08:46:06.644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7006" autoAdjust="0"/>
    <p:restoredTop sz="94341" autoAdjust="0"/>
  </p:normalViewPr>
  <p:slideViewPr>
    <p:cSldViewPr snapToGrid="0" showGuides="1">
      <p:cViewPr varScale="1">
        <p:scale>
          <a:sx n="96" d="100"/>
          <a:sy n="96" d="100"/>
        </p:scale>
        <p:origin x="77" y="2688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12.xml"/><Relationship Id="rId21" Type="http://schemas.openxmlformats.org/officeDocument/2006/relationships/slide" Target="slides/slide7.xml"/><Relationship Id="rId42" Type="http://schemas.openxmlformats.org/officeDocument/2006/relationships/notesMaster" Target="notesMasters/notesMaster1.xml"/><Relationship Id="rId47" Type="http://schemas.openxmlformats.org/officeDocument/2006/relationships/font" Target="fonts/font4.fntdata"/><Relationship Id="rId63" Type="http://schemas.openxmlformats.org/officeDocument/2006/relationships/font" Target="fonts/font20.fntdata"/><Relationship Id="rId68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9" Type="http://schemas.openxmlformats.org/officeDocument/2006/relationships/slide" Target="slides/slide15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slide" Target="slides/slide18.xml"/><Relationship Id="rId37" Type="http://schemas.openxmlformats.org/officeDocument/2006/relationships/slide" Target="slides/slide23.xml"/><Relationship Id="rId40" Type="http://schemas.openxmlformats.org/officeDocument/2006/relationships/slide" Target="slides/slide26.xml"/><Relationship Id="rId45" Type="http://schemas.openxmlformats.org/officeDocument/2006/relationships/font" Target="fonts/font2.fntdata"/><Relationship Id="rId53" Type="http://schemas.openxmlformats.org/officeDocument/2006/relationships/font" Target="fonts/font10.fntdata"/><Relationship Id="rId58" Type="http://schemas.openxmlformats.org/officeDocument/2006/relationships/font" Target="fonts/font15.fntdata"/><Relationship Id="rId66" Type="http://schemas.openxmlformats.org/officeDocument/2006/relationships/viewProps" Target="viewProps.xml"/><Relationship Id="rId5" Type="http://schemas.openxmlformats.org/officeDocument/2006/relationships/customXml" Target="../customXml/item5.xml"/><Relationship Id="rId61" Type="http://schemas.openxmlformats.org/officeDocument/2006/relationships/font" Target="fonts/font18.fntdata"/><Relationship Id="rId19" Type="http://schemas.openxmlformats.org/officeDocument/2006/relationships/slide" Target="slides/slide5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slide" Target="slides/slide21.xml"/><Relationship Id="rId43" Type="http://schemas.openxmlformats.org/officeDocument/2006/relationships/handoutMaster" Target="handoutMasters/handoutMaster1.xml"/><Relationship Id="rId48" Type="http://schemas.openxmlformats.org/officeDocument/2006/relationships/font" Target="fonts/font5.fntdata"/><Relationship Id="rId56" Type="http://schemas.openxmlformats.org/officeDocument/2006/relationships/font" Target="fonts/font13.fntdata"/><Relationship Id="rId64" Type="http://schemas.openxmlformats.org/officeDocument/2006/relationships/tags" Target="tags/tag1.xml"/><Relationship Id="rId69" Type="http://schemas.microsoft.com/office/2016/11/relationships/changesInfo" Target="changesInfos/changesInfo1.xml"/><Relationship Id="rId8" Type="http://schemas.openxmlformats.org/officeDocument/2006/relationships/customXml" Target="../customXml/item8.xml"/><Relationship Id="rId51" Type="http://schemas.openxmlformats.org/officeDocument/2006/relationships/font" Target="fonts/font8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slide" Target="slides/slide19.xml"/><Relationship Id="rId38" Type="http://schemas.openxmlformats.org/officeDocument/2006/relationships/slide" Target="slides/slide24.xml"/><Relationship Id="rId46" Type="http://schemas.openxmlformats.org/officeDocument/2006/relationships/font" Target="fonts/font3.fntdata"/><Relationship Id="rId59" Type="http://schemas.openxmlformats.org/officeDocument/2006/relationships/font" Target="fonts/font16.fntdata"/><Relationship Id="rId67" Type="http://schemas.openxmlformats.org/officeDocument/2006/relationships/theme" Target="theme/theme1.xml"/><Relationship Id="rId20" Type="http://schemas.openxmlformats.org/officeDocument/2006/relationships/slide" Target="slides/slide6.xml"/><Relationship Id="rId41" Type="http://schemas.openxmlformats.org/officeDocument/2006/relationships/slide" Target="slides/slide27.xml"/><Relationship Id="rId54" Type="http://schemas.openxmlformats.org/officeDocument/2006/relationships/font" Target="fonts/font11.fntdata"/><Relationship Id="rId62" Type="http://schemas.openxmlformats.org/officeDocument/2006/relationships/font" Target="fonts/font19.fntdata"/><Relationship Id="rId70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slide" Target="slides/slide22.xml"/><Relationship Id="rId49" Type="http://schemas.openxmlformats.org/officeDocument/2006/relationships/font" Target="fonts/font6.fntdata"/><Relationship Id="rId57" Type="http://schemas.openxmlformats.org/officeDocument/2006/relationships/font" Target="fonts/font14.fntdata"/><Relationship Id="rId10" Type="http://schemas.openxmlformats.org/officeDocument/2006/relationships/customXml" Target="../customXml/item10.xml"/><Relationship Id="rId31" Type="http://schemas.openxmlformats.org/officeDocument/2006/relationships/slide" Target="slides/slide17.xml"/><Relationship Id="rId44" Type="http://schemas.openxmlformats.org/officeDocument/2006/relationships/font" Target="fonts/font1.fntdata"/><Relationship Id="rId52" Type="http://schemas.openxmlformats.org/officeDocument/2006/relationships/font" Target="fonts/font9.fntdata"/><Relationship Id="rId60" Type="http://schemas.openxmlformats.org/officeDocument/2006/relationships/font" Target="fonts/font17.fntdata"/><Relationship Id="rId65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39" Type="http://schemas.openxmlformats.org/officeDocument/2006/relationships/slide" Target="slides/slide25.xml"/><Relationship Id="rId34" Type="http://schemas.openxmlformats.org/officeDocument/2006/relationships/slide" Target="slides/slide20.xml"/><Relationship Id="rId50" Type="http://schemas.openxmlformats.org/officeDocument/2006/relationships/font" Target="fonts/font7.fntdata"/><Relationship Id="rId55" Type="http://schemas.openxmlformats.org/officeDocument/2006/relationships/font" Target="fonts/font12.fntdata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rassau, Joerg-Michael" userId="815c6378-99d5-441f-9d63-f3e22e4af691" providerId="ADAL" clId="{4CF05058-1B41-4F50-810C-952A72355C9E}"/>
    <pc:docChg chg="undo custSel addSld delSld modSld">
      <pc:chgData name="Grassau, Joerg-Michael" userId="815c6378-99d5-441f-9d63-f3e22e4af691" providerId="ADAL" clId="{4CF05058-1B41-4F50-810C-952A72355C9E}" dt="2024-06-06T06:16:25.099" v="114" actId="20577"/>
      <pc:docMkLst>
        <pc:docMk/>
      </pc:docMkLst>
      <pc:sldChg chg="del">
        <pc:chgData name="Grassau, Joerg-Michael" userId="815c6378-99d5-441f-9d63-f3e22e4af691" providerId="ADAL" clId="{4CF05058-1B41-4F50-810C-952A72355C9E}" dt="2024-06-06T04:39:46.034" v="14" actId="47"/>
        <pc:sldMkLst>
          <pc:docMk/>
          <pc:sldMk cId="14479760" sldId="256"/>
        </pc:sldMkLst>
      </pc:sldChg>
      <pc:sldChg chg="del">
        <pc:chgData name="Grassau, Joerg-Michael" userId="815c6378-99d5-441f-9d63-f3e22e4af691" providerId="ADAL" clId="{4CF05058-1B41-4F50-810C-952A72355C9E}" dt="2024-06-06T04:39:46.034" v="14" actId="47"/>
        <pc:sldMkLst>
          <pc:docMk/>
          <pc:sldMk cId="0" sldId="344"/>
        </pc:sldMkLst>
      </pc:sldChg>
      <pc:sldChg chg="del">
        <pc:chgData name="Grassau, Joerg-Michael" userId="815c6378-99d5-441f-9d63-f3e22e4af691" providerId="ADAL" clId="{4CF05058-1B41-4F50-810C-952A72355C9E}" dt="2024-06-06T04:39:49.281" v="15" actId="47"/>
        <pc:sldMkLst>
          <pc:docMk/>
          <pc:sldMk cId="3602749482" sldId="364"/>
        </pc:sldMkLst>
      </pc:sldChg>
      <pc:sldChg chg="delSp modSp mod">
        <pc:chgData name="Grassau, Joerg-Michael" userId="815c6378-99d5-441f-9d63-f3e22e4af691" providerId="ADAL" clId="{4CF05058-1B41-4F50-810C-952A72355C9E}" dt="2024-06-06T04:48:52.498" v="54" actId="207"/>
        <pc:sldMkLst>
          <pc:docMk/>
          <pc:sldMk cId="3316874168" sldId="402"/>
        </pc:sldMkLst>
        <pc:spChg chg="mod">
          <ac:chgData name="Grassau, Joerg-Michael" userId="815c6378-99d5-441f-9d63-f3e22e4af691" providerId="ADAL" clId="{4CF05058-1B41-4F50-810C-952A72355C9E}" dt="2024-06-06T04:38:42.407" v="11"/>
          <ac:spMkLst>
            <pc:docMk/>
            <pc:sldMk cId="3316874168" sldId="402"/>
            <ac:spMk id="3" creationId="{9E1171E2-38D8-8239-71E9-69DC21FF73B2}"/>
          </ac:spMkLst>
        </pc:spChg>
        <pc:spChg chg="del">
          <ac:chgData name="Grassau, Joerg-Michael" userId="815c6378-99d5-441f-9d63-f3e22e4af691" providerId="ADAL" clId="{4CF05058-1B41-4F50-810C-952A72355C9E}" dt="2024-06-06T04:38:46.875" v="12" actId="478"/>
          <ac:spMkLst>
            <pc:docMk/>
            <pc:sldMk cId="3316874168" sldId="402"/>
            <ac:spMk id="8" creationId="{80DF230B-0E63-B973-49FD-136265D25CED}"/>
          </ac:spMkLst>
        </pc:spChg>
        <pc:spChg chg="mod">
          <ac:chgData name="Grassau, Joerg-Michael" userId="815c6378-99d5-441f-9d63-f3e22e4af691" providerId="ADAL" clId="{4CF05058-1B41-4F50-810C-952A72355C9E}" dt="2024-06-06T04:48:52.498" v="54" actId="207"/>
          <ac:spMkLst>
            <pc:docMk/>
            <pc:sldMk cId="3316874168" sldId="402"/>
            <ac:spMk id="14" creationId="{134752C8-1E80-B141-5BC9-264FD3E5257B}"/>
          </ac:spMkLst>
        </pc:spChg>
      </pc:sldChg>
      <pc:sldChg chg="del">
        <pc:chgData name="Grassau, Joerg-Michael" userId="815c6378-99d5-441f-9d63-f3e22e4af691" providerId="ADAL" clId="{4CF05058-1B41-4F50-810C-952A72355C9E}" dt="2024-06-06T04:39:46.034" v="14" actId="47"/>
        <pc:sldMkLst>
          <pc:docMk/>
          <pc:sldMk cId="1506274014" sldId="452"/>
        </pc:sldMkLst>
      </pc:sldChg>
      <pc:sldChg chg="del">
        <pc:chgData name="Grassau, Joerg-Michael" userId="815c6378-99d5-441f-9d63-f3e22e4af691" providerId="ADAL" clId="{4CF05058-1B41-4F50-810C-952A72355C9E}" dt="2024-06-06T04:39:46.034" v="14" actId="47"/>
        <pc:sldMkLst>
          <pc:docMk/>
          <pc:sldMk cId="2360008853" sldId="454"/>
        </pc:sldMkLst>
      </pc:sldChg>
      <pc:sldChg chg="del">
        <pc:chgData name="Grassau, Joerg-Michael" userId="815c6378-99d5-441f-9d63-f3e22e4af691" providerId="ADAL" clId="{4CF05058-1B41-4F50-810C-952A72355C9E}" dt="2024-06-06T04:39:46.034" v="14" actId="47"/>
        <pc:sldMkLst>
          <pc:docMk/>
          <pc:sldMk cId="3871673910" sldId="2056"/>
        </pc:sldMkLst>
      </pc:sldChg>
      <pc:sldChg chg="del">
        <pc:chgData name="Grassau, Joerg-Michael" userId="815c6378-99d5-441f-9d63-f3e22e4af691" providerId="ADAL" clId="{4CF05058-1B41-4F50-810C-952A72355C9E}" dt="2024-06-06T04:39:46.034" v="14" actId="47"/>
        <pc:sldMkLst>
          <pc:docMk/>
          <pc:sldMk cId="1613651082" sldId="2057"/>
        </pc:sldMkLst>
      </pc:sldChg>
      <pc:sldChg chg="del">
        <pc:chgData name="Grassau, Joerg-Michael" userId="815c6378-99d5-441f-9d63-f3e22e4af691" providerId="ADAL" clId="{4CF05058-1B41-4F50-810C-952A72355C9E}" dt="2024-06-06T04:39:25.852" v="13" actId="47"/>
        <pc:sldMkLst>
          <pc:docMk/>
          <pc:sldMk cId="2931056785" sldId="2060"/>
        </pc:sldMkLst>
      </pc:sldChg>
      <pc:sldChg chg="modSp add mod">
        <pc:chgData name="Grassau, Joerg-Michael" userId="815c6378-99d5-441f-9d63-f3e22e4af691" providerId="ADAL" clId="{4CF05058-1B41-4F50-810C-952A72355C9E}" dt="2024-06-06T04:49:18.540" v="56" actId="207"/>
        <pc:sldMkLst>
          <pc:docMk/>
          <pc:sldMk cId="606725880" sldId="2147478301"/>
        </pc:sldMkLst>
        <pc:spChg chg="mod">
          <ac:chgData name="Grassau, Joerg-Michael" userId="815c6378-99d5-441f-9d63-f3e22e4af691" providerId="ADAL" clId="{4CF05058-1B41-4F50-810C-952A72355C9E}" dt="2024-06-06T04:49:18.540" v="56" actId="207"/>
          <ac:spMkLst>
            <pc:docMk/>
            <pc:sldMk cId="606725880" sldId="2147478301"/>
            <ac:spMk id="8" creationId="{FF6EFA63-1243-5795-D9EF-A766359E5A5A}"/>
          </ac:spMkLst>
        </pc:spChg>
        <pc:spChg chg="mod">
          <ac:chgData name="Grassau, Joerg-Michael" userId="815c6378-99d5-441f-9d63-f3e22e4af691" providerId="ADAL" clId="{4CF05058-1B41-4F50-810C-952A72355C9E}" dt="2024-06-06T04:49:18.540" v="56" actId="207"/>
          <ac:spMkLst>
            <pc:docMk/>
            <pc:sldMk cId="606725880" sldId="2147478301"/>
            <ac:spMk id="9" creationId="{393AEAD9-6E75-BF6C-5B26-C66B39938CED}"/>
          </ac:spMkLst>
        </pc:spChg>
        <pc:spChg chg="mod">
          <ac:chgData name="Grassau, Joerg-Michael" userId="815c6378-99d5-441f-9d63-f3e22e4af691" providerId="ADAL" clId="{4CF05058-1B41-4F50-810C-952A72355C9E}" dt="2024-06-06T04:49:18.540" v="56" actId="207"/>
          <ac:spMkLst>
            <pc:docMk/>
            <pc:sldMk cId="606725880" sldId="2147478301"/>
            <ac:spMk id="10" creationId="{87BF578A-9D38-775D-5AE1-E9D09E2BCD18}"/>
          </ac:spMkLst>
        </pc:spChg>
        <pc:spChg chg="mod">
          <ac:chgData name="Grassau, Joerg-Michael" userId="815c6378-99d5-441f-9d63-f3e22e4af691" providerId="ADAL" clId="{4CF05058-1B41-4F50-810C-952A72355C9E}" dt="2024-06-06T04:49:09.105" v="55" actId="207"/>
          <ac:spMkLst>
            <pc:docMk/>
            <pc:sldMk cId="606725880" sldId="2147478301"/>
            <ac:spMk id="12" creationId="{B43FB1E2-2A51-9E49-96FF-CCFD6C6CA0D7}"/>
          </ac:spMkLst>
        </pc:spChg>
        <pc:spChg chg="mod">
          <ac:chgData name="Grassau, Joerg-Michael" userId="815c6378-99d5-441f-9d63-f3e22e4af691" providerId="ADAL" clId="{4CF05058-1B41-4F50-810C-952A72355C9E}" dt="2024-06-06T04:49:09.105" v="55" actId="207"/>
          <ac:spMkLst>
            <pc:docMk/>
            <pc:sldMk cId="606725880" sldId="2147478301"/>
            <ac:spMk id="14" creationId="{B82E6658-9C8D-9E40-AD14-587B6DD2FBCA}"/>
          </ac:spMkLst>
        </pc:spChg>
        <pc:spChg chg="mod">
          <ac:chgData name="Grassau, Joerg-Michael" userId="815c6378-99d5-441f-9d63-f3e22e4af691" providerId="ADAL" clId="{4CF05058-1B41-4F50-810C-952A72355C9E}" dt="2024-06-06T04:49:09.105" v="55" actId="207"/>
          <ac:spMkLst>
            <pc:docMk/>
            <pc:sldMk cId="606725880" sldId="2147478301"/>
            <ac:spMk id="16" creationId="{A1496345-2F8A-D948-9469-CCB5FC32DBEF}"/>
          </ac:spMkLst>
        </pc:spChg>
        <pc:spChg chg="mod">
          <ac:chgData name="Grassau, Joerg-Michael" userId="815c6378-99d5-441f-9d63-f3e22e4af691" providerId="ADAL" clId="{4CF05058-1B41-4F50-810C-952A72355C9E}" dt="2024-06-06T04:49:09.105" v="55" actId="207"/>
          <ac:spMkLst>
            <pc:docMk/>
            <pc:sldMk cId="606725880" sldId="2147478301"/>
            <ac:spMk id="18" creationId="{1EFD6AC7-C294-6041-BE2C-C46605501EC3}"/>
          </ac:spMkLst>
        </pc:spChg>
      </pc:sldChg>
      <pc:sldChg chg="modSp add mod">
        <pc:chgData name="Grassau, Joerg-Michael" userId="815c6378-99d5-441f-9d63-f3e22e4af691" providerId="ADAL" clId="{4CF05058-1B41-4F50-810C-952A72355C9E}" dt="2024-06-06T04:51:07.476" v="72" actId="113"/>
        <pc:sldMkLst>
          <pc:docMk/>
          <pc:sldMk cId="745065457" sldId="2147478302"/>
        </pc:sldMkLst>
        <pc:spChg chg="mod">
          <ac:chgData name="Grassau, Joerg-Michael" userId="815c6378-99d5-441f-9d63-f3e22e4af691" providerId="ADAL" clId="{4CF05058-1B41-4F50-810C-952A72355C9E}" dt="2024-06-06T04:51:07.476" v="72" actId="113"/>
          <ac:spMkLst>
            <pc:docMk/>
            <pc:sldMk cId="745065457" sldId="2147478302"/>
            <ac:spMk id="2" creationId="{F03869BB-EA14-36A9-E1BE-FE8124671498}"/>
          </ac:spMkLst>
        </pc:spChg>
      </pc:sldChg>
      <pc:sldChg chg="modSp add del mod">
        <pc:chgData name="Grassau, Joerg-Michael" userId="815c6378-99d5-441f-9d63-f3e22e4af691" providerId="ADAL" clId="{4CF05058-1B41-4F50-810C-952A72355C9E}" dt="2024-06-06T04:49:28.663" v="59" actId="207"/>
        <pc:sldMkLst>
          <pc:docMk/>
          <pc:sldMk cId="2569522649" sldId="2147478303"/>
        </pc:sldMkLst>
        <pc:spChg chg="mod">
          <ac:chgData name="Grassau, Joerg-Michael" userId="815c6378-99d5-441f-9d63-f3e22e4af691" providerId="ADAL" clId="{4CF05058-1B41-4F50-810C-952A72355C9E}" dt="2024-06-06T04:49:28.663" v="59" actId="207"/>
          <ac:spMkLst>
            <pc:docMk/>
            <pc:sldMk cId="2569522649" sldId="2147478303"/>
            <ac:spMk id="2" creationId="{E69FB28B-5B8C-2493-395D-DE7FEBE533FB}"/>
          </ac:spMkLst>
        </pc:spChg>
        <pc:spChg chg="mod">
          <ac:chgData name="Grassau, Joerg-Michael" userId="815c6378-99d5-441f-9d63-f3e22e4af691" providerId="ADAL" clId="{4CF05058-1B41-4F50-810C-952A72355C9E}" dt="2024-06-06T04:49:26.458" v="58" actId="207"/>
          <ac:spMkLst>
            <pc:docMk/>
            <pc:sldMk cId="2569522649" sldId="2147478303"/>
            <ac:spMk id="3" creationId="{88CEBCBD-46CE-C75D-9125-7DF866FF7590}"/>
          </ac:spMkLst>
        </pc:spChg>
      </pc:sldChg>
      <pc:sldChg chg="modSp add mod">
        <pc:chgData name="Grassau, Joerg-Michael" userId="815c6378-99d5-441f-9d63-f3e22e4af691" providerId="ADAL" clId="{4CF05058-1B41-4F50-810C-952A72355C9E}" dt="2024-06-06T04:49:32.222" v="60" actId="207"/>
        <pc:sldMkLst>
          <pc:docMk/>
          <pc:sldMk cId="2445093367" sldId="2147478304"/>
        </pc:sldMkLst>
        <pc:spChg chg="mod">
          <ac:chgData name="Grassau, Joerg-Michael" userId="815c6378-99d5-441f-9d63-f3e22e4af691" providerId="ADAL" clId="{4CF05058-1B41-4F50-810C-952A72355C9E}" dt="2024-06-06T04:49:32.222" v="60" actId="207"/>
          <ac:spMkLst>
            <pc:docMk/>
            <pc:sldMk cId="2445093367" sldId="2147478304"/>
            <ac:spMk id="17" creationId="{1BEF716C-E4A3-4EEA-B951-A0B236DB5F8F}"/>
          </ac:spMkLst>
        </pc:spChg>
        <pc:spChg chg="mod">
          <ac:chgData name="Grassau, Joerg-Michael" userId="815c6378-99d5-441f-9d63-f3e22e4af691" providerId="ADAL" clId="{4CF05058-1B41-4F50-810C-952A72355C9E}" dt="2024-06-06T04:41:57.484" v="26" actId="207"/>
          <ac:spMkLst>
            <pc:docMk/>
            <pc:sldMk cId="2445093367" sldId="2147478304"/>
            <ac:spMk id="24579" creationId="{C6880B0D-18EA-4C2D-BCF3-124C3623226A}"/>
          </ac:spMkLst>
        </pc:spChg>
      </pc:sldChg>
      <pc:sldChg chg="modSp add mod">
        <pc:chgData name="Grassau, Joerg-Michael" userId="815c6378-99d5-441f-9d63-f3e22e4af691" providerId="ADAL" clId="{4CF05058-1B41-4F50-810C-952A72355C9E}" dt="2024-06-06T04:42:10.210" v="27" actId="207"/>
        <pc:sldMkLst>
          <pc:docMk/>
          <pc:sldMk cId="1990907384" sldId="2147478305"/>
        </pc:sldMkLst>
        <pc:spChg chg="mod">
          <ac:chgData name="Grassau, Joerg-Michael" userId="815c6378-99d5-441f-9d63-f3e22e4af691" providerId="ADAL" clId="{4CF05058-1B41-4F50-810C-952A72355C9E}" dt="2024-06-06T04:42:10.210" v="27" actId="207"/>
          <ac:spMkLst>
            <pc:docMk/>
            <pc:sldMk cId="1990907384" sldId="2147478305"/>
            <ac:spMk id="2" creationId="{1D5179B2-A9D7-37AE-FE73-94D9E0DE0DBA}"/>
          </ac:spMkLst>
        </pc:spChg>
      </pc:sldChg>
      <pc:sldChg chg="modSp add mod">
        <pc:chgData name="Grassau, Joerg-Michael" userId="815c6378-99d5-441f-9d63-f3e22e4af691" providerId="ADAL" clId="{4CF05058-1B41-4F50-810C-952A72355C9E}" dt="2024-06-06T04:49:39.837" v="61" actId="207"/>
        <pc:sldMkLst>
          <pc:docMk/>
          <pc:sldMk cId="3470492436" sldId="2147478306"/>
        </pc:sldMkLst>
        <pc:spChg chg="mod">
          <ac:chgData name="Grassau, Joerg-Michael" userId="815c6378-99d5-441f-9d63-f3e22e4af691" providerId="ADAL" clId="{4CF05058-1B41-4F50-810C-952A72355C9E}" dt="2024-06-06T04:49:39.837" v="61" actId="207"/>
          <ac:spMkLst>
            <pc:docMk/>
            <pc:sldMk cId="3470492436" sldId="2147478306"/>
            <ac:spMk id="2" creationId="{F03869BB-EA14-36A9-E1BE-FE8124671498}"/>
          </ac:spMkLst>
        </pc:spChg>
      </pc:sldChg>
      <pc:sldChg chg="modSp add mod modAnim">
        <pc:chgData name="Grassau, Joerg-Michael" userId="815c6378-99d5-441f-9d63-f3e22e4af691" providerId="ADAL" clId="{4CF05058-1B41-4F50-810C-952A72355C9E}" dt="2024-06-06T05:06:30.509" v="98"/>
        <pc:sldMkLst>
          <pc:docMk/>
          <pc:sldMk cId="262668798" sldId="2147478307"/>
        </pc:sldMkLst>
        <pc:spChg chg="mod">
          <ac:chgData name="Grassau, Joerg-Michael" userId="815c6378-99d5-441f-9d63-f3e22e4af691" providerId="ADAL" clId="{4CF05058-1B41-4F50-810C-952A72355C9E}" dt="2024-06-06T04:49:45.750" v="62" actId="207"/>
          <ac:spMkLst>
            <pc:docMk/>
            <pc:sldMk cId="262668798" sldId="2147478307"/>
            <ac:spMk id="2" creationId="{E69FB28B-5B8C-2493-395D-DE7FEBE533FB}"/>
          </ac:spMkLst>
        </pc:spChg>
        <pc:spChg chg="mod">
          <ac:chgData name="Grassau, Joerg-Michael" userId="815c6378-99d5-441f-9d63-f3e22e4af691" providerId="ADAL" clId="{4CF05058-1B41-4F50-810C-952A72355C9E}" dt="2024-06-06T04:42:28.141" v="28" actId="207"/>
          <ac:spMkLst>
            <pc:docMk/>
            <pc:sldMk cId="262668798" sldId="2147478307"/>
            <ac:spMk id="5" creationId="{9A670A6D-AB2B-C190-5234-7AF7A479E27A}"/>
          </ac:spMkLst>
        </pc:spChg>
      </pc:sldChg>
      <pc:sldChg chg="modSp add mod">
        <pc:chgData name="Grassau, Joerg-Michael" userId="815c6378-99d5-441f-9d63-f3e22e4af691" providerId="ADAL" clId="{4CF05058-1B41-4F50-810C-952A72355C9E}" dt="2024-06-06T06:16:25.099" v="114" actId="20577"/>
        <pc:sldMkLst>
          <pc:docMk/>
          <pc:sldMk cId="1042868114" sldId="2147478308"/>
        </pc:sldMkLst>
        <pc:spChg chg="mod">
          <ac:chgData name="Grassau, Joerg-Michael" userId="815c6378-99d5-441f-9d63-f3e22e4af691" providerId="ADAL" clId="{4CF05058-1B41-4F50-810C-952A72355C9E}" dt="2024-06-06T04:49:49.403" v="63" actId="207"/>
          <ac:spMkLst>
            <pc:docMk/>
            <pc:sldMk cId="1042868114" sldId="2147478308"/>
            <ac:spMk id="17" creationId="{1BEF716C-E4A3-4EEA-B951-A0B236DB5F8F}"/>
          </ac:spMkLst>
        </pc:spChg>
        <pc:spChg chg="mod">
          <ac:chgData name="Grassau, Joerg-Michael" userId="815c6378-99d5-441f-9d63-f3e22e4af691" providerId="ADAL" clId="{4CF05058-1B41-4F50-810C-952A72355C9E}" dt="2024-06-06T06:16:25.099" v="114" actId="20577"/>
          <ac:spMkLst>
            <pc:docMk/>
            <pc:sldMk cId="1042868114" sldId="2147478308"/>
            <ac:spMk id="24579" creationId="{C6880B0D-18EA-4C2D-BCF3-124C3623226A}"/>
          </ac:spMkLst>
        </pc:spChg>
      </pc:sldChg>
      <pc:sldChg chg="modSp add mod">
        <pc:chgData name="Grassau, Joerg-Michael" userId="815c6378-99d5-441f-9d63-f3e22e4af691" providerId="ADAL" clId="{4CF05058-1B41-4F50-810C-952A72355C9E}" dt="2024-06-06T04:49:52.931" v="64" actId="207"/>
        <pc:sldMkLst>
          <pc:docMk/>
          <pc:sldMk cId="626857538" sldId="2147478309"/>
        </pc:sldMkLst>
        <pc:spChg chg="mod">
          <ac:chgData name="Grassau, Joerg-Michael" userId="815c6378-99d5-441f-9d63-f3e22e4af691" providerId="ADAL" clId="{4CF05058-1B41-4F50-810C-952A72355C9E}" dt="2024-06-06T04:49:52.931" v="64" actId="207"/>
          <ac:spMkLst>
            <pc:docMk/>
            <pc:sldMk cId="626857538" sldId="2147478309"/>
            <ac:spMk id="2" creationId="{F03869BB-EA14-36A9-E1BE-FE8124671498}"/>
          </ac:spMkLst>
        </pc:spChg>
      </pc:sldChg>
      <pc:sldChg chg="modSp add mod">
        <pc:chgData name="Grassau, Joerg-Michael" userId="815c6378-99d5-441f-9d63-f3e22e4af691" providerId="ADAL" clId="{4CF05058-1B41-4F50-810C-952A72355C9E}" dt="2024-06-06T04:49:56.027" v="65" actId="207"/>
        <pc:sldMkLst>
          <pc:docMk/>
          <pc:sldMk cId="3572888783" sldId="2147478310"/>
        </pc:sldMkLst>
        <pc:spChg chg="mod">
          <ac:chgData name="Grassau, Joerg-Michael" userId="815c6378-99d5-441f-9d63-f3e22e4af691" providerId="ADAL" clId="{4CF05058-1B41-4F50-810C-952A72355C9E}" dt="2024-06-06T04:49:56.027" v="65" actId="207"/>
          <ac:spMkLst>
            <pc:docMk/>
            <pc:sldMk cId="3572888783" sldId="2147478310"/>
            <ac:spMk id="2" creationId="{F03869BB-EA14-36A9-E1BE-FE8124671498}"/>
          </ac:spMkLst>
        </pc:spChg>
      </pc:sldChg>
      <pc:sldChg chg="modSp add mod">
        <pc:chgData name="Grassau, Joerg-Michael" userId="815c6378-99d5-441f-9d63-f3e22e4af691" providerId="ADAL" clId="{4CF05058-1B41-4F50-810C-952A72355C9E}" dt="2024-06-06T04:49:59.931" v="66" actId="207"/>
        <pc:sldMkLst>
          <pc:docMk/>
          <pc:sldMk cId="1629873415" sldId="2147478311"/>
        </pc:sldMkLst>
        <pc:spChg chg="mod">
          <ac:chgData name="Grassau, Joerg-Michael" userId="815c6378-99d5-441f-9d63-f3e22e4af691" providerId="ADAL" clId="{4CF05058-1B41-4F50-810C-952A72355C9E}" dt="2024-06-06T04:49:59.931" v="66" actId="207"/>
          <ac:spMkLst>
            <pc:docMk/>
            <pc:sldMk cId="1629873415" sldId="2147478311"/>
            <ac:spMk id="2" creationId="{F03869BB-EA14-36A9-E1BE-FE8124671498}"/>
          </ac:spMkLst>
        </pc:spChg>
      </pc:sldChg>
      <pc:sldChg chg="addSp delSp modSp add mod delAnim modAnim">
        <pc:chgData name="Grassau, Joerg-Michael" userId="815c6378-99d5-441f-9d63-f3e22e4af691" providerId="ADAL" clId="{4CF05058-1B41-4F50-810C-952A72355C9E}" dt="2024-06-06T04:58:43.675" v="80"/>
        <pc:sldMkLst>
          <pc:docMk/>
          <pc:sldMk cId="60229647" sldId="2147478312"/>
        </pc:sldMkLst>
        <pc:spChg chg="mod">
          <ac:chgData name="Grassau, Joerg-Michael" userId="815c6378-99d5-441f-9d63-f3e22e4af691" providerId="ADAL" clId="{4CF05058-1B41-4F50-810C-952A72355C9E}" dt="2024-06-06T04:43:35.325" v="36" actId="207"/>
          <ac:spMkLst>
            <pc:docMk/>
            <pc:sldMk cId="60229647" sldId="2147478312"/>
            <ac:spMk id="7" creationId="{ED30A28D-766B-2F2E-F8DB-9CB21ADADE45}"/>
          </ac:spMkLst>
        </pc:spChg>
        <pc:picChg chg="add mod ord">
          <ac:chgData name="Grassau, Joerg-Michael" userId="815c6378-99d5-441f-9d63-f3e22e4af691" providerId="ADAL" clId="{4CF05058-1B41-4F50-810C-952A72355C9E}" dt="2024-06-06T04:58:11.144" v="77" actId="167"/>
          <ac:picMkLst>
            <pc:docMk/>
            <pc:sldMk cId="60229647" sldId="2147478312"/>
            <ac:picMk id="6" creationId="{0B117F60-5B1C-81D8-F1A1-3E3AF4637B83}"/>
          </ac:picMkLst>
        </pc:picChg>
        <pc:picChg chg="del">
          <ac:chgData name="Grassau, Joerg-Michael" userId="815c6378-99d5-441f-9d63-f3e22e4af691" providerId="ADAL" clId="{4CF05058-1B41-4F50-810C-952A72355C9E}" dt="2024-06-06T04:58:12.318" v="78" actId="478"/>
          <ac:picMkLst>
            <pc:docMk/>
            <pc:sldMk cId="60229647" sldId="2147478312"/>
            <ac:picMk id="11" creationId="{B35C02CF-ED7D-1F39-9B3D-043C10549F86}"/>
          </ac:picMkLst>
        </pc:picChg>
      </pc:sldChg>
      <pc:sldChg chg="modSp add mod">
        <pc:chgData name="Grassau, Joerg-Michael" userId="815c6378-99d5-441f-9d63-f3e22e4af691" providerId="ADAL" clId="{4CF05058-1B41-4F50-810C-952A72355C9E}" dt="2024-06-06T04:50:06.238" v="67" actId="207"/>
        <pc:sldMkLst>
          <pc:docMk/>
          <pc:sldMk cId="1164525431" sldId="2147478313"/>
        </pc:sldMkLst>
        <pc:spChg chg="mod">
          <ac:chgData name="Grassau, Joerg-Michael" userId="815c6378-99d5-441f-9d63-f3e22e4af691" providerId="ADAL" clId="{4CF05058-1B41-4F50-810C-952A72355C9E}" dt="2024-06-06T04:50:06.238" v="67" actId="207"/>
          <ac:spMkLst>
            <pc:docMk/>
            <pc:sldMk cId="1164525431" sldId="2147478313"/>
            <ac:spMk id="2" creationId="{F03869BB-EA14-36A9-E1BE-FE8124671498}"/>
          </ac:spMkLst>
        </pc:spChg>
      </pc:sldChg>
      <pc:sldChg chg="modSp add mod modAnim">
        <pc:chgData name="Grassau, Joerg-Michael" userId="815c6378-99d5-441f-9d63-f3e22e4af691" providerId="ADAL" clId="{4CF05058-1B41-4F50-810C-952A72355C9E}" dt="2024-06-06T05:07:23.586" v="106" actId="6549"/>
        <pc:sldMkLst>
          <pc:docMk/>
          <pc:sldMk cId="3254782239" sldId="2147478315"/>
        </pc:sldMkLst>
        <pc:spChg chg="mod">
          <ac:chgData name="Grassau, Joerg-Michael" userId="815c6378-99d5-441f-9d63-f3e22e4af691" providerId="ADAL" clId="{4CF05058-1B41-4F50-810C-952A72355C9E}" dt="2024-06-06T04:43:52.620" v="37" actId="207"/>
          <ac:spMkLst>
            <pc:docMk/>
            <pc:sldMk cId="3254782239" sldId="2147478315"/>
            <ac:spMk id="2" creationId="{E34C55C1-3E74-CA39-1DD1-80A570A2DEB2}"/>
          </ac:spMkLst>
        </pc:spChg>
        <pc:spChg chg="mod">
          <ac:chgData name="Grassau, Joerg-Michael" userId="815c6378-99d5-441f-9d63-f3e22e4af691" providerId="ADAL" clId="{4CF05058-1B41-4F50-810C-952A72355C9E}" dt="2024-06-06T04:45:26.971" v="44" actId="208"/>
          <ac:spMkLst>
            <pc:docMk/>
            <pc:sldMk cId="3254782239" sldId="2147478315"/>
            <ac:spMk id="9" creationId="{C7FDB81E-3D8D-E5A7-A1B9-0282AE5E2C01}"/>
          </ac:spMkLst>
        </pc:spChg>
        <pc:spChg chg="mod">
          <ac:chgData name="Grassau, Joerg-Michael" userId="815c6378-99d5-441f-9d63-f3e22e4af691" providerId="ADAL" clId="{4CF05058-1B41-4F50-810C-952A72355C9E}" dt="2024-06-06T05:07:23.586" v="106" actId="6549"/>
          <ac:spMkLst>
            <pc:docMk/>
            <pc:sldMk cId="3254782239" sldId="2147478315"/>
            <ac:spMk id="15" creationId="{322C0DD7-5B6A-2158-BFBC-CB9D86D5AA89}"/>
          </ac:spMkLst>
        </pc:spChg>
        <pc:spChg chg="mod">
          <ac:chgData name="Grassau, Joerg-Michael" userId="815c6378-99d5-441f-9d63-f3e22e4af691" providerId="ADAL" clId="{4CF05058-1B41-4F50-810C-952A72355C9E}" dt="2024-06-06T04:45:26.971" v="44" actId="208"/>
          <ac:spMkLst>
            <pc:docMk/>
            <pc:sldMk cId="3254782239" sldId="2147478315"/>
            <ac:spMk id="17" creationId="{85F1C283-B7E9-952E-7D49-E12A4F555B25}"/>
          </ac:spMkLst>
        </pc:spChg>
      </pc:sldChg>
      <pc:sldChg chg="modSp add del mod modShow">
        <pc:chgData name="Grassau, Joerg-Michael" userId="815c6378-99d5-441f-9d63-f3e22e4af691" providerId="ADAL" clId="{4CF05058-1B41-4F50-810C-952A72355C9E}" dt="2024-06-06T05:08:44.279" v="113" actId="20577"/>
        <pc:sldMkLst>
          <pc:docMk/>
          <pc:sldMk cId="2535312391" sldId="2147478317"/>
        </pc:sldMkLst>
        <pc:spChg chg="mod">
          <ac:chgData name="Grassau, Joerg-Michael" userId="815c6378-99d5-441f-9d63-f3e22e4af691" providerId="ADAL" clId="{4CF05058-1B41-4F50-810C-952A72355C9E}" dt="2024-06-06T05:02:07.494" v="86" actId="207"/>
          <ac:spMkLst>
            <pc:docMk/>
            <pc:sldMk cId="2535312391" sldId="2147478317"/>
            <ac:spMk id="2" creationId="{E69FB28B-5B8C-2493-395D-DE7FEBE533FB}"/>
          </ac:spMkLst>
        </pc:spChg>
        <pc:spChg chg="mod">
          <ac:chgData name="Grassau, Joerg-Michael" userId="815c6378-99d5-441f-9d63-f3e22e4af691" providerId="ADAL" clId="{4CF05058-1B41-4F50-810C-952A72355C9E}" dt="2024-06-06T05:08:44.279" v="113" actId="20577"/>
          <ac:spMkLst>
            <pc:docMk/>
            <pc:sldMk cId="2535312391" sldId="2147478317"/>
            <ac:spMk id="5" creationId="{9A670A6D-AB2B-C190-5234-7AF7A479E27A}"/>
          </ac:spMkLst>
        </pc:spChg>
      </pc:sldChg>
      <pc:sldChg chg="addSp delSp modSp add mod modAnim">
        <pc:chgData name="Grassau, Joerg-Michael" userId="815c6378-99d5-441f-9d63-f3e22e4af691" providerId="ADAL" clId="{4CF05058-1B41-4F50-810C-952A72355C9E}" dt="2024-06-06T05:03:45.719" v="93" actId="478"/>
        <pc:sldMkLst>
          <pc:docMk/>
          <pc:sldMk cId="679094129" sldId="2147478318"/>
        </pc:sldMkLst>
        <pc:spChg chg="mod">
          <ac:chgData name="Grassau, Joerg-Michael" userId="815c6378-99d5-441f-9d63-f3e22e4af691" providerId="ADAL" clId="{4CF05058-1B41-4F50-810C-952A72355C9E}" dt="2024-06-06T04:50:36.267" v="70" actId="207"/>
          <ac:spMkLst>
            <pc:docMk/>
            <pc:sldMk cId="679094129" sldId="2147478318"/>
            <ac:spMk id="2" creationId="{C0CBD835-5856-74D6-9A15-A79995F658E7}"/>
          </ac:spMkLst>
        </pc:spChg>
        <pc:spChg chg="mod">
          <ac:chgData name="Grassau, Joerg-Michael" userId="815c6378-99d5-441f-9d63-f3e22e4af691" providerId="ADAL" clId="{4CF05058-1B41-4F50-810C-952A72355C9E}" dt="2024-06-06T04:46:31.121" v="49" actId="207"/>
          <ac:spMkLst>
            <pc:docMk/>
            <pc:sldMk cId="679094129" sldId="2147478318"/>
            <ac:spMk id="3" creationId="{F647D9F5-6104-8B8D-105B-C1C28AD4B6F7}"/>
          </ac:spMkLst>
        </pc:spChg>
        <pc:picChg chg="add del">
          <ac:chgData name="Grassau, Joerg-Michael" userId="815c6378-99d5-441f-9d63-f3e22e4af691" providerId="ADAL" clId="{4CF05058-1B41-4F50-810C-952A72355C9E}" dt="2024-06-06T05:03:11.718" v="90" actId="478"/>
          <ac:picMkLst>
            <pc:docMk/>
            <pc:sldMk cId="679094129" sldId="2147478318"/>
            <ac:picMk id="5" creationId="{59A12F53-B12A-9115-9B54-C812883F7976}"/>
          </ac:picMkLst>
        </pc:picChg>
        <pc:picChg chg="add del mod">
          <ac:chgData name="Grassau, Joerg-Michael" userId="815c6378-99d5-441f-9d63-f3e22e4af691" providerId="ADAL" clId="{4CF05058-1B41-4F50-810C-952A72355C9E}" dt="2024-06-06T05:03:45.719" v="93" actId="478"/>
          <ac:picMkLst>
            <pc:docMk/>
            <pc:sldMk cId="679094129" sldId="2147478318"/>
            <ac:picMk id="10" creationId="{7C7B8DFD-FAF6-2AEC-834F-39AC8461B929}"/>
          </ac:picMkLst>
        </pc:picChg>
      </pc:sldChg>
      <pc:sldChg chg="modSp add mod">
        <pc:chgData name="Grassau, Joerg-Michael" userId="815c6378-99d5-441f-9d63-f3e22e4af691" providerId="ADAL" clId="{4CF05058-1B41-4F50-810C-952A72355C9E}" dt="2024-06-06T05:04:44.061" v="96" actId="6549"/>
        <pc:sldMkLst>
          <pc:docMk/>
          <pc:sldMk cId="3042921119" sldId="2147478319"/>
        </pc:sldMkLst>
        <pc:spChg chg="mod">
          <ac:chgData name="Grassau, Joerg-Michael" userId="815c6378-99d5-441f-9d63-f3e22e4af691" providerId="ADAL" clId="{4CF05058-1B41-4F50-810C-952A72355C9E}" dt="2024-06-06T05:04:44.061" v="96" actId="6549"/>
          <ac:spMkLst>
            <pc:docMk/>
            <pc:sldMk cId="3042921119" sldId="2147478319"/>
            <ac:spMk id="2" creationId="{5389130B-4611-1F52-3732-097068C1193E}"/>
          </ac:spMkLst>
        </pc:spChg>
      </pc:sldChg>
      <pc:sldChg chg="add">
        <pc:chgData name="Grassau, Joerg-Michael" userId="815c6378-99d5-441f-9d63-f3e22e4af691" providerId="ADAL" clId="{4CF05058-1B41-4F50-810C-952A72355C9E}" dt="2024-06-06T04:40:42.534" v="22"/>
        <pc:sldMkLst>
          <pc:docMk/>
          <pc:sldMk cId="3275202970" sldId="2147478320"/>
        </pc:sldMkLst>
      </pc:sldChg>
      <pc:sldChg chg="modSp add mod">
        <pc:chgData name="Grassau, Joerg-Michael" userId="815c6378-99d5-441f-9d63-f3e22e4af691" providerId="ADAL" clId="{4CF05058-1B41-4F50-810C-952A72355C9E}" dt="2024-06-06T04:50:29.880" v="69" actId="208"/>
        <pc:sldMkLst>
          <pc:docMk/>
          <pc:sldMk cId="3569923148" sldId="2147478322"/>
        </pc:sldMkLst>
        <pc:spChg chg="mod">
          <ac:chgData name="Grassau, Joerg-Michael" userId="815c6378-99d5-441f-9d63-f3e22e4af691" providerId="ADAL" clId="{4CF05058-1B41-4F50-810C-952A72355C9E}" dt="2024-06-06T04:50:19.499" v="68" actId="207"/>
          <ac:spMkLst>
            <pc:docMk/>
            <pc:sldMk cId="3569923148" sldId="2147478322"/>
            <ac:spMk id="2" creationId="{C8F7F23F-612D-5BF0-6EFD-E21EC18F92FD}"/>
          </ac:spMkLst>
        </pc:spChg>
        <pc:spChg chg="mod">
          <ac:chgData name="Grassau, Joerg-Michael" userId="815c6378-99d5-441f-9d63-f3e22e4af691" providerId="ADAL" clId="{4CF05058-1B41-4F50-810C-952A72355C9E}" dt="2024-06-06T04:50:29.880" v="69" actId="208"/>
          <ac:spMkLst>
            <pc:docMk/>
            <pc:sldMk cId="3569923148" sldId="2147478322"/>
            <ac:spMk id="10" creationId="{380AF214-DA6E-B255-0ECE-090BABBD369B}"/>
          </ac:spMkLst>
        </pc:spChg>
        <pc:spChg chg="mod">
          <ac:chgData name="Grassau, Joerg-Michael" userId="815c6378-99d5-441f-9d63-f3e22e4af691" providerId="ADAL" clId="{4CF05058-1B41-4F50-810C-952A72355C9E}" dt="2024-06-06T04:45:02.639" v="42" actId="207"/>
          <ac:spMkLst>
            <pc:docMk/>
            <pc:sldMk cId="3569923148" sldId="2147478322"/>
            <ac:spMk id="11" creationId="{48D12BB8-1D06-5A67-1EAE-6C82A0136EB2}"/>
          </ac:spMkLst>
        </pc:spChg>
        <pc:spChg chg="mod">
          <ac:chgData name="Grassau, Joerg-Michael" userId="815c6378-99d5-441f-9d63-f3e22e4af691" providerId="ADAL" clId="{4CF05058-1B41-4F50-810C-952A72355C9E}" dt="2024-06-06T04:45:15.160" v="43" actId="208"/>
          <ac:spMkLst>
            <pc:docMk/>
            <pc:sldMk cId="3569923148" sldId="2147478322"/>
            <ac:spMk id="16" creationId="{D4C63B5D-8F0E-7D35-3891-127C26BAEC4E}"/>
          </ac:spMkLst>
        </pc:spChg>
        <pc:spChg chg="mod">
          <ac:chgData name="Grassau, Joerg-Michael" userId="815c6378-99d5-441f-9d63-f3e22e4af691" providerId="ADAL" clId="{4CF05058-1B41-4F50-810C-952A72355C9E}" dt="2024-06-06T04:44:21.614" v="39" actId="207"/>
          <ac:spMkLst>
            <pc:docMk/>
            <pc:sldMk cId="3569923148" sldId="2147478322"/>
            <ac:spMk id="19" creationId="{D5D01040-17BC-9521-AA0C-BC0D1FC49F83}"/>
          </ac:spMkLst>
        </pc:spChg>
        <pc:spChg chg="mod">
          <ac:chgData name="Grassau, Joerg-Michael" userId="815c6378-99d5-441f-9d63-f3e22e4af691" providerId="ADAL" clId="{4CF05058-1B41-4F50-810C-952A72355C9E}" dt="2024-06-06T04:45:47.662" v="47" actId="208"/>
          <ac:spMkLst>
            <pc:docMk/>
            <pc:sldMk cId="3569923148" sldId="2147478322"/>
            <ac:spMk id="20" creationId="{5B3E5795-DE51-D75D-4675-6C4F365E05D2}"/>
          </ac:spMkLst>
        </pc:spChg>
      </pc:sldChg>
      <pc:sldMasterChg chg="delSldLayout">
        <pc:chgData name="Grassau, Joerg-Michael" userId="815c6378-99d5-441f-9d63-f3e22e4af691" providerId="ADAL" clId="{4CF05058-1B41-4F50-810C-952A72355C9E}" dt="2024-06-06T04:39:46.034" v="14" actId="47"/>
        <pc:sldMasterMkLst>
          <pc:docMk/>
          <pc:sldMasterMk cId="3408294523" sldId="2147483733"/>
        </pc:sldMasterMkLst>
        <pc:sldLayoutChg chg="del">
          <pc:chgData name="Grassau, Joerg-Michael" userId="815c6378-99d5-441f-9d63-f3e22e4af691" providerId="ADAL" clId="{4CF05058-1B41-4F50-810C-952A72355C9E}" dt="2024-06-06T04:39:46.034" v="14" actId="47"/>
          <pc:sldLayoutMkLst>
            <pc:docMk/>
            <pc:sldMasterMk cId="3408294523" sldId="2147483733"/>
            <pc:sldLayoutMk cId="47457010" sldId="2147483784"/>
          </pc:sldLayoutMkLst>
        </pc:sldLayoutChg>
      </pc:sldMasterChg>
    </pc:docChg>
  </pc:docChgLst>
  <pc:docChgLst>
    <pc:chgData name="Grassau, Joerg-Michael" userId="815c6378-99d5-441f-9d63-f3e22e4af691" providerId="ADAL" clId="{45DA1D14-14FA-41B6-9A8B-5E6EA5FA65B2}"/>
    <pc:docChg chg="undo custSel addSld delSld modSld addSection delSection modSection">
      <pc:chgData name="Grassau, Joerg-Michael" userId="815c6378-99d5-441f-9d63-f3e22e4af691" providerId="ADAL" clId="{45DA1D14-14FA-41B6-9A8B-5E6EA5FA65B2}" dt="2024-06-27T08:47:33.631" v="109" actId="17851"/>
      <pc:docMkLst>
        <pc:docMk/>
      </pc:docMkLst>
      <pc:sldChg chg="modSp mod">
        <pc:chgData name="Grassau, Joerg-Michael" userId="815c6378-99d5-441f-9d63-f3e22e4af691" providerId="ADAL" clId="{45DA1D14-14FA-41B6-9A8B-5E6EA5FA65B2}" dt="2024-06-27T08:32:14.200" v="58" actId="20577"/>
        <pc:sldMkLst>
          <pc:docMk/>
          <pc:sldMk cId="3054814391" sldId="261"/>
        </pc:sldMkLst>
        <pc:spChg chg="mod">
          <ac:chgData name="Grassau, Joerg-Michael" userId="815c6378-99d5-441f-9d63-f3e22e4af691" providerId="ADAL" clId="{45DA1D14-14FA-41B6-9A8B-5E6EA5FA65B2}" dt="2024-06-27T08:32:14.200" v="58" actId="20577"/>
          <ac:spMkLst>
            <pc:docMk/>
            <pc:sldMk cId="3054814391" sldId="261"/>
            <ac:spMk id="4" creationId="{C890842A-EF2C-1EC5-4B27-E467AE397654}"/>
          </ac:spMkLst>
        </pc:spChg>
      </pc:sldChg>
      <pc:sldChg chg="addSp modSp mod">
        <pc:chgData name="Grassau, Joerg-Michael" userId="815c6378-99d5-441f-9d63-f3e22e4af691" providerId="ADAL" clId="{45DA1D14-14FA-41B6-9A8B-5E6EA5FA65B2}" dt="2024-06-27T08:31:24.322" v="56" actId="6549"/>
        <pc:sldMkLst>
          <pc:docMk/>
          <pc:sldMk cId="3316874168" sldId="402"/>
        </pc:sldMkLst>
        <pc:spChg chg="mod">
          <ac:chgData name="Grassau, Joerg-Michael" userId="815c6378-99d5-441f-9d63-f3e22e4af691" providerId="ADAL" clId="{45DA1D14-14FA-41B6-9A8B-5E6EA5FA65B2}" dt="2024-06-27T08:31:14.666" v="50" actId="20577"/>
          <ac:spMkLst>
            <pc:docMk/>
            <pc:sldMk cId="3316874168" sldId="402"/>
            <ac:spMk id="2" creationId="{E0BFCFDD-1D42-358F-BC70-8570C4C662EF}"/>
          </ac:spMkLst>
        </pc:spChg>
        <pc:spChg chg="mod">
          <ac:chgData name="Grassau, Joerg-Michael" userId="815c6378-99d5-441f-9d63-f3e22e4af691" providerId="ADAL" clId="{45DA1D14-14FA-41B6-9A8B-5E6EA5FA65B2}" dt="2024-06-27T08:31:24.322" v="56" actId="6549"/>
          <ac:spMkLst>
            <pc:docMk/>
            <pc:sldMk cId="3316874168" sldId="402"/>
            <ac:spMk id="3" creationId="{9E1171E2-38D8-8239-71E9-69DC21FF73B2}"/>
          </ac:spMkLst>
        </pc:spChg>
        <pc:spChg chg="mod">
          <ac:chgData name="Grassau, Joerg-Michael" userId="815c6378-99d5-441f-9d63-f3e22e4af691" providerId="ADAL" clId="{45DA1D14-14FA-41B6-9A8B-5E6EA5FA65B2}" dt="2024-06-27T08:30:55.982" v="18" actId="6549"/>
          <ac:spMkLst>
            <pc:docMk/>
            <pc:sldMk cId="3316874168" sldId="402"/>
            <ac:spMk id="14" creationId="{134752C8-1E80-B141-5BC9-264FD3E5257B}"/>
          </ac:spMkLst>
        </pc:spChg>
        <pc:picChg chg="add mod">
          <ac:chgData name="Grassau, Joerg-Michael" userId="815c6378-99d5-441f-9d63-f3e22e4af691" providerId="ADAL" clId="{45DA1D14-14FA-41B6-9A8B-5E6EA5FA65B2}" dt="2024-06-27T08:30:49.091" v="17" actId="14100"/>
          <ac:picMkLst>
            <pc:docMk/>
            <pc:sldMk cId="3316874168" sldId="402"/>
            <ac:picMk id="4" creationId="{173D6A7E-CE84-C3F5-497A-BCD06834453B}"/>
          </ac:picMkLst>
        </pc:picChg>
      </pc:sldChg>
      <pc:sldChg chg="addSp modSp mod">
        <pc:chgData name="Grassau, Joerg-Michael" userId="815c6378-99d5-441f-9d63-f3e22e4af691" providerId="ADAL" clId="{45DA1D14-14FA-41B6-9A8B-5E6EA5FA65B2}" dt="2024-06-27T08:34:42.694" v="80" actId="20577"/>
        <pc:sldMkLst>
          <pc:docMk/>
          <pc:sldMk cId="4060872162" sldId="449"/>
        </pc:sldMkLst>
        <pc:spChg chg="add mod">
          <ac:chgData name="Grassau, Joerg-Michael" userId="815c6378-99d5-441f-9d63-f3e22e4af691" providerId="ADAL" clId="{45DA1D14-14FA-41B6-9A8B-5E6EA5FA65B2}" dt="2024-06-27T08:34:22.980" v="62" actId="1076"/>
          <ac:spMkLst>
            <pc:docMk/>
            <pc:sldMk cId="4060872162" sldId="449"/>
            <ac:spMk id="2" creationId="{205836DC-0F26-D7E2-6DDF-D8876E56A453}"/>
          </ac:spMkLst>
        </pc:spChg>
        <pc:spChg chg="mod">
          <ac:chgData name="Grassau, Joerg-Michael" userId="815c6378-99d5-441f-9d63-f3e22e4af691" providerId="ADAL" clId="{45DA1D14-14FA-41B6-9A8B-5E6EA5FA65B2}" dt="2024-06-27T08:34:27.779" v="77" actId="20577"/>
          <ac:spMkLst>
            <pc:docMk/>
            <pc:sldMk cId="4060872162" sldId="449"/>
            <ac:spMk id="3" creationId="{F02EFDEC-1C58-4504-92E1-D8E4DBCFE8FE}"/>
          </ac:spMkLst>
        </pc:spChg>
        <pc:spChg chg="mod">
          <ac:chgData name="Grassau, Joerg-Michael" userId="815c6378-99d5-441f-9d63-f3e22e4af691" providerId="ADAL" clId="{45DA1D14-14FA-41B6-9A8B-5E6EA5FA65B2}" dt="2024-06-27T08:34:40.027" v="79" actId="20577"/>
          <ac:spMkLst>
            <pc:docMk/>
            <pc:sldMk cId="4060872162" sldId="449"/>
            <ac:spMk id="4" creationId="{E8CBF4DD-15EB-47C8-94C8-492FB092CB97}"/>
          </ac:spMkLst>
        </pc:spChg>
        <pc:spChg chg="add mod">
          <ac:chgData name="Grassau, Joerg-Michael" userId="815c6378-99d5-441f-9d63-f3e22e4af691" providerId="ADAL" clId="{45DA1D14-14FA-41B6-9A8B-5E6EA5FA65B2}" dt="2024-06-27T08:34:42.694" v="80" actId="20577"/>
          <ac:spMkLst>
            <pc:docMk/>
            <pc:sldMk cId="4060872162" sldId="449"/>
            <ac:spMk id="5" creationId="{FA257CC3-2958-CB18-82DC-71CF46168341}"/>
          </ac:spMkLst>
        </pc:spChg>
      </pc:sldChg>
      <pc:sldChg chg="modSp mod">
        <pc:chgData name="Grassau, Joerg-Michael" userId="815c6378-99d5-441f-9d63-f3e22e4af691" providerId="ADAL" clId="{45DA1D14-14FA-41B6-9A8B-5E6EA5FA65B2}" dt="2024-06-27T08:40:15.058" v="105" actId="20577"/>
        <pc:sldMkLst>
          <pc:docMk/>
          <pc:sldMk cId="3996953909" sldId="450"/>
        </pc:sldMkLst>
        <pc:spChg chg="mod">
          <ac:chgData name="Grassau, Joerg-Michael" userId="815c6378-99d5-441f-9d63-f3e22e4af691" providerId="ADAL" clId="{45DA1D14-14FA-41B6-9A8B-5E6EA5FA65B2}" dt="2024-06-27T08:40:15.058" v="105" actId="20577"/>
          <ac:spMkLst>
            <pc:docMk/>
            <pc:sldMk cId="3996953909" sldId="450"/>
            <ac:spMk id="2" creationId="{05797A1E-F9E2-59FA-2CD3-65F3C6FC0D36}"/>
          </ac:spMkLst>
        </pc:spChg>
      </pc:sldChg>
      <pc:sldChg chg="del setBg">
        <pc:chgData name="Grassau, Joerg-Michael" userId="815c6378-99d5-441f-9d63-f3e22e4af691" providerId="ADAL" clId="{45DA1D14-14FA-41B6-9A8B-5E6EA5FA65B2}" dt="2024-06-27T08:37:59.979" v="97" actId="47"/>
        <pc:sldMkLst>
          <pc:docMk/>
          <pc:sldMk cId="2956934652" sldId="2088"/>
        </pc:sldMkLst>
      </pc:sldChg>
      <pc:sldChg chg="modSp mod">
        <pc:chgData name="Grassau, Joerg-Michael" userId="815c6378-99d5-441f-9d63-f3e22e4af691" providerId="ADAL" clId="{45DA1D14-14FA-41B6-9A8B-5E6EA5FA65B2}" dt="2024-06-27T08:30:12.623" v="14" actId="20577"/>
        <pc:sldMkLst>
          <pc:docMk/>
          <pc:sldMk cId="606725880" sldId="2147478301"/>
        </pc:sldMkLst>
        <pc:spChg chg="mod">
          <ac:chgData name="Grassau, Joerg-Michael" userId="815c6378-99d5-441f-9d63-f3e22e4af691" providerId="ADAL" clId="{45DA1D14-14FA-41B6-9A8B-5E6EA5FA65B2}" dt="2024-06-27T08:30:12.623" v="14" actId="20577"/>
          <ac:spMkLst>
            <pc:docMk/>
            <pc:sldMk cId="606725880" sldId="2147478301"/>
            <ac:spMk id="2" creationId="{A4936ECB-05AC-A74B-96D9-76DA733C57B5}"/>
          </ac:spMkLst>
        </pc:spChg>
      </pc:sldChg>
      <pc:sldChg chg="modSp mod">
        <pc:chgData name="Grassau, Joerg-Michael" userId="815c6378-99d5-441f-9d63-f3e22e4af691" providerId="ADAL" clId="{45DA1D14-14FA-41B6-9A8B-5E6EA5FA65B2}" dt="2024-06-27T08:37:15.653" v="94" actId="207"/>
        <pc:sldMkLst>
          <pc:docMk/>
          <pc:sldMk cId="2569522649" sldId="2147478303"/>
        </pc:sldMkLst>
        <pc:spChg chg="mod">
          <ac:chgData name="Grassau, Joerg-Michael" userId="815c6378-99d5-441f-9d63-f3e22e4af691" providerId="ADAL" clId="{45DA1D14-14FA-41B6-9A8B-5E6EA5FA65B2}" dt="2024-06-27T08:37:15.653" v="94" actId="207"/>
          <ac:spMkLst>
            <pc:docMk/>
            <pc:sldMk cId="2569522649" sldId="2147478303"/>
            <ac:spMk id="2" creationId="{E69FB28B-5B8C-2493-395D-DE7FEBE533FB}"/>
          </ac:spMkLst>
        </pc:spChg>
      </pc:sldChg>
      <pc:sldChg chg="modSp">
        <pc:chgData name="Grassau, Joerg-Michael" userId="815c6378-99d5-441f-9d63-f3e22e4af691" providerId="ADAL" clId="{45DA1D14-14FA-41B6-9A8B-5E6EA5FA65B2}" dt="2024-06-27T08:41:52.651" v="106"/>
        <pc:sldMkLst>
          <pc:docMk/>
          <pc:sldMk cId="60229647" sldId="2147478312"/>
        </pc:sldMkLst>
        <pc:picChg chg="mod">
          <ac:chgData name="Grassau, Joerg-Michael" userId="815c6378-99d5-441f-9d63-f3e22e4af691" providerId="ADAL" clId="{45DA1D14-14FA-41B6-9A8B-5E6EA5FA65B2}" dt="2024-06-27T08:41:52.651" v="106"/>
          <ac:picMkLst>
            <pc:docMk/>
            <pc:sldMk cId="60229647" sldId="2147478312"/>
            <ac:picMk id="6" creationId="{0B117F60-5B1C-81D8-F1A1-3E3AF4637B83}"/>
          </ac:picMkLst>
        </pc:picChg>
      </pc:sldChg>
      <pc:sldChg chg="del">
        <pc:chgData name="Grassau, Joerg-Michael" userId="815c6378-99d5-441f-9d63-f3e22e4af691" providerId="ADAL" clId="{45DA1D14-14FA-41B6-9A8B-5E6EA5FA65B2}" dt="2024-06-27T08:36:43.058" v="93" actId="47"/>
        <pc:sldMkLst>
          <pc:docMk/>
          <pc:sldMk cId="3275202970" sldId="2147478320"/>
        </pc:sldMkLst>
      </pc:sldChg>
      <pc:sldChg chg="modSp new mod">
        <pc:chgData name="Grassau, Joerg-Michael" userId="815c6378-99d5-441f-9d63-f3e22e4af691" providerId="ADAL" clId="{45DA1D14-14FA-41B6-9A8B-5E6EA5FA65B2}" dt="2024-06-27T08:37:57.489" v="96"/>
        <pc:sldMkLst>
          <pc:docMk/>
          <pc:sldMk cId="918387639" sldId="2147478323"/>
        </pc:sldMkLst>
        <pc:spChg chg="mod">
          <ac:chgData name="Grassau, Joerg-Michael" userId="815c6378-99d5-441f-9d63-f3e22e4af691" providerId="ADAL" clId="{45DA1D14-14FA-41B6-9A8B-5E6EA5FA65B2}" dt="2024-06-27T08:37:57.489" v="96"/>
          <ac:spMkLst>
            <pc:docMk/>
            <pc:sldMk cId="918387639" sldId="2147478323"/>
            <ac:spMk id="2" creationId="{77FC0CBB-B2E2-3CD6-B270-42F1B2DDEFA2}"/>
          </ac:spMkLst>
        </pc:spChg>
      </pc:sldChg>
      <pc:sldMasterChg chg="delSldLayout">
        <pc:chgData name="Grassau, Joerg-Michael" userId="815c6378-99d5-441f-9d63-f3e22e4af691" providerId="ADAL" clId="{45DA1D14-14FA-41B6-9A8B-5E6EA5FA65B2}" dt="2024-06-27T08:37:59.979" v="97" actId="47"/>
        <pc:sldMasterMkLst>
          <pc:docMk/>
          <pc:sldMasterMk cId="3408294523" sldId="2147483733"/>
        </pc:sldMasterMkLst>
        <pc:sldLayoutChg chg="del">
          <pc:chgData name="Grassau, Joerg-Michael" userId="815c6378-99d5-441f-9d63-f3e22e4af691" providerId="ADAL" clId="{45DA1D14-14FA-41B6-9A8B-5E6EA5FA65B2}" dt="2024-06-27T08:37:59.979" v="97" actId="47"/>
          <pc:sldLayoutMkLst>
            <pc:docMk/>
            <pc:sldMasterMk cId="3408294523" sldId="2147483733"/>
            <pc:sldLayoutMk cId="2452162582" sldId="2147483796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 dirty="0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02" name="Slide Image Placeholder 1">
            <a:extLst>
              <a:ext uri="{FF2B5EF4-FFF2-40B4-BE49-F238E27FC236}">
                <a16:creationId xmlns:a16="http://schemas.microsoft.com/office/drawing/2014/main" id="{E6D5E024-9CC0-468A-851B-354EAEF5E580}"/>
              </a:ext>
            </a:extLst>
          </p:cNvPr>
          <p:cNvSpPr>
            <a:spLocks noGrp="1" noRot="1" noChangeAspect="1" noChangeArrowheads="1" noTextEdit="1"/>
          </p:cNvSpPr>
          <p:nvPr>
            <p:ph type="sldImg"/>
          </p:nvPr>
        </p:nvSpPr>
        <p:spPr bwMode="auto">
          <a:noFill/>
          <a:ln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B4D6B9F-F088-464C-AEB3-CF31C0F5D88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defTabSz="914367" fontAlgn="auto">
              <a:spcBef>
                <a:spcPts val="0"/>
              </a:spcBef>
              <a:spcAft>
                <a:spcPts val="333"/>
              </a:spcAft>
              <a:defRPr/>
            </a:pPr>
            <a:endParaRPr lang="en-US" sz="882"/>
          </a:p>
        </p:txBody>
      </p:sp>
      <p:sp>
        <p:nvSpPr>
          <p:cNvPr id="25604" name="Header Placeholder 3">
            <a:extLst>
              <a:ext uri="{FF2B5EF4-FFF2-40B4-BE49-F238E27FC236}">
                <a16:creationId xmlns:a16="http://schemas.microsoft.com/office/drawing/2014/main" id="{762AF0AD-5E48-4D5A-AE58-A87099CDDE63}"/>
              </a:ext>
            </a:extLst>
          </p:cNvPr>
          <p:cNvSpPr>
            <a:spLocks noGrp="1" noChangeArrowheads="1"/>
          </p:cNvSpPr>
          <p:nvPr>
            <p:ph type="hdr" sz="quarter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defTabSz="912813" fontAlgn="base">
              <a:spcBef>
                <a:spcPct val="0"/>
              </a:spcBef>
              <a:spcAft>
                <a:spcPct val="0"/>
              </a:spcAft>
            </a:pPr>
            <a:endParaRPr lang="en-US" altLang="en-US" sz="120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BAADC46-FD84-4BB2-BC4D-8061503D84F6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6800"/>
            <a:ext cx="5920740" cy="355964"/>
          </a:xfrm>
        </p:spPr>
        <p:txBody>
          <a:bodyPr/>
          <a:lstStyle/>
          <a:p>
            <a:pPr>
              <a:defRPr/>
            </a:pPr>
            <a:r>
              <a:rPr lang="en-US"/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25606" name="Date Placeholder 5">
            <a:extLst>
              <a:ext uri="{FF2B5EF4-FFF2-40B4-BE49-F238E27FC236}">
                <a16:creationId xmlns:a16="http://schemas.microsoft.com/office/drawing/2014/main" id="{6FF3418E-2642-434C-BE5E-F339C6AC28D6}"/>
              </a:ext>
            </a:extLst>
          </p:cNvPr>
          <p:cNvSpPr>
            <a:spLocks noGrp="1" noChangeArrowheads="1"/>
          </p:cNvSpPr>
          <p:nvPr>
            <p:ph type="dt" sz="quarter" idx="1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defTabSz="912813" fontAlgn="base">
              <a:spcBef>
                <a:spcPct val="0"/>
              </a:spcBef>
              <a:spcAft>
                <a:spcPct val="0"/>
              </a:spcAft>
            </a:pPr>
            <a:fld id="{B05C24D4-A4A9-47EC-983A-9CD956D30365}" type="datetime8">
              <a:rPr lang="en-US" altLang="en-US" sz="1200"/>
              <a:pPr defTabSz="912813" fontAlgn="base">
                <a:spcBef>
                  <a:spcPct val="0"/>
                </a:spcBef>
                <a:spcAft>
                  <a:spcPct val="0"/>
                </a:spcAft>
              </a:pPr>
              <a:t>6/27/2024 10:29 AM</a:t>
            </a:fld>
            <a:endParaRPr lang="en-US" altLang="en-US" sz="1200"/>
          </a:p>
        </p:txBody>
      </p:sp>
      <p:sp>
        <p:nvSpPr>
          <p:cNvPr id="25607" name="Slide Number Placeholder 6">
            <a:extLst>
              <a:ext uri="{FF2B5EF4-FFF2-40B4-BE49-F238E27FC236}">
                <a16:creationId xmlns:a16="http://schemas.microsoft.com/office/drawing/2014/main" id="{9CBA80AE-563A-4FE0-83F5-9681CFFD1184}"/>
              </a:ext>
            </a:extLst>
          </p:cNvPr>
          <p:cNvSpPr>
            <a:spLocks noGrp="1" noChangeArrowheads="1"/>
          </p:cNvSpPr>
          <p:nvPr>
            <p:ph type="sldNum" sz="quarter" idx="5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Ctr="0" compatLnSpc="1">
            <a:prstTxWarp prst="textNoShape">
              <a:avLst/>
            </a:prstTxWarp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defTabSz="912813" fontAlgn="base">
              <a:spcBef>
                <a:spcPct val="0"/>
              </a:spcBef>
              <a:spcAft>
                <a:spcPct val="0"/>
              </a:spcAft>
            </a:pPr>
            <a:fld id="{5FDDB602-3275-4B23-AED4-306ABDAF360D}" type="slidenum">
              <a:rPr lang="en-US" altLang="en-US" sz="1200"/>
              <a:pPr defTabSz="912813" fontAlgn="base">
                <a:spcBef>
                  <a:spcPct val="0"/>
                </a:spcBef>
                <a:spcAft>
                  <a:spcPct val="0"/>
                </a:spcAft>
              </a:pPr>
              <a:t>12</a:t>
            </a:fld>
            <a:endParaRPr lang="en-US" altLang="en-US" sz="1200"/>
          </a:p>
        </p:txBody>
      </p:sp>
    </p:spTree>
    <p:extLst>
      <p:ext uri="{BB962C8B-B14F-4D97-AF65-F5344CB8AC3E}">
        <p14:creationId xmlns:p14="http://schemas.microsoft.com/office/powerpoint/2010/main" val="21646818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02" name="Slide Image Placeholder 1">
            <a:extLst>
              <a:ext uri="{FF2B5EF4-FFF2-40B4-BE49-F238E27FC236}">
                <a16:creationId xmlns:a16="http://schemas.microsoft.com/office/drawing/2014/main" id="{E6D5E024-9CC0-468A-851B-354EAEF5E580}"/>
              </a:ext>
            </a:extLst>
          </p:cNvPr>
          <p:cNvSpPr>
            <a:spLocks noGrp="1" noRot="1" noChangeAspect="1" noChangeArrowheads="1" noTextEdit="1"/>
          </p:cNvSpPr>
          <p:nvPr>
            <p:ph type="sldImg"/>
          </p:nvPr>
        </p:nvSpPr>
        <p:spPr bwMode="auto">
          <a:noFill/>
          <a:ln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B4D6B9F-F088-464C-AEB3-CF31C0F5D88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defTabSz="914367" fontAlgn="auto">
              <a:spcBef>
                <a:spcPts val="0"/>
              </a:spcBef>
              <a:spcAft>
                <a:spcPts val="333"/>
              </a:spcAft>
              <a:defRPr/>
            </a:pPr>
            <a:endParaRPr lang="en-US" sz="882"/>
          </a:p>
        </p:txBody>
      </p:sp>
      <p:sp>
        <p:nvSpPr>
          <p:cNvPr id="25604" name="Header Placeholder 3">
            <a:extLst>
              <a:ext uri="{FF2B5EF4-FFF2-40B4-BE49-F238E27FC236}">
                <a16:creationId xmlns:a16="http://schemas.microsoft.com/office/drawing/2014/main" id="{762AF0AD-5E48-4D5A-AE58-A87099CDDE63}"/>
              </a:ext>
            </a:extLst>
          </p:cNvPr>
          <p:cNvSpPr>
            <a:spLocks noGrp="1" noChangeArrowheads="1"/>
          </p:cNvSpPr>
          <p:nvPr>
            <p:ph type="hdr" sz="quarter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defTabSz="912813" fontAlgn="base">
              <a:spcBef>
                <a:spcPct val="0"/>
              </a:spcBef>
              <a:spcAft>
                <a:spcPct val="0"/>
              </a:spcAft>
            </a:pPr>
            <a:endParaRPr lang="en-US" altLang="en-US" sz="120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BAADC46-FD84-4BB2-BC4D-8061503D84F6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6800"/>
            <a:ext cx="5920740" cy="355964"/>
          </a:xfrm>
        </p:spPr>
        <p:txBody>
          <a:bodyPr/>
          <a:lstStyle/>
          <a:p>
            <a:pPr>
              <a:defRPr/>
            </a:pPr>
            <a:r>
              <a:rPr lang="en-US"/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25606" name="Date Placeholder 5">
            <a:extLst>
              <a:ext uri="{FF2B5EF4-FFF2-40B4-BE49-F238E27FC236}">
                <a16:creationId xmlns:a16="http://schemas.microsoft.com/office/drawing/2014/main" id="{6FF3418E-2642-434C-BE5E-F339C6AC28D6}"/>
              </a:ext>
            </a:extLst>
          </p:cNvPr>
          <p:cNvSpPr>
            <a:spLocks noGrp="1" noChangeArrowheads="1"/>
          </p:cNvSpPr>
          <p:nvPr>
            <p:ph type="dt" sz="quarter" idx="1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defTabSz="912813" fontAlgn="base">
              <a:spcBef>
                <a:spcPct val="0"/>
              </a:spcBef>
              <a:spcAft>
                <a:spcPct val="0"/>
              </a:spcAft>
            </a:pPr>
            <a:fld id="{B05C24D4-A4A9-47EC-983A-9CD956D30365}" type="datetime8">
              <a:rPr lang="en-US" altLang="en-US" sz="1200"/>
              <a:pPr defTabSz="912813" fontAlgn="base">
                <a:spcBef>
                  <a:spcPct val="0"/>
                </a:spcBef>
                <a:spcAft>
                  <a:spcPct val="0"/>
                </a:spcAft>
              </a:pPr>
              <a:t>6/27/2024 10:29 AM</a:t>
            </a:fld>
            <a:endParaRPr lang="en-US" altLang="en-US" sz="1200"/>
          </a:p>
        </p:txBody>
      </p:sp>
      <p:sp>
        <p:nvSpPr>
          <p:cNvPr id="25607" name="Slide Number Placeholder 6">
            <a:extLst>
              <a:ext uri="{FF2B5EF4-FFF2-40B4-BE49-F238E27FC236}">
                <a16:creationId xmlns:a16="http://schemas.microsoft.com/office/drawing/2014/main" id="{9CBA80AE-563A-4FE0-83F5-9681CFFD1184}"/>
              </a:ext>
            </a:extLst>
          </p:cNvPr>
          <p:cNvSpPr>
            <a:spLocks noGrp="1" noChangeArrowheads="1"/>
          </p:cNvSpPr>
          <p:nvPr>
            <p:ph type="sldNum" sz="quarter" idx="5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Ctr="0" compatLnSpc="1">
            <a:prstTxWarp prst="textNoShape">
              <a:avLst/>
            </a:prstTxWarp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defTabSz="912813" fontAlgn="base">
              <a:spcBef>
                <a:spcPct val="0"/>
              </a:spcBef>
              <a:spcAft>
                <a:spcPct val="0"/>
              </a:spcAft>
            </a:pPr>
            <a:fld id="{5FDDB602-3275-4B23-AED4-306ABDAF360D}" type="slidenum">
              <a:rPr lang="en-US" altLang="en-US" sz="1200"/>
              <a:pPr defTabSz="912813" fontAlgn="base">
                <a:spcBef>
                  <a:spcPct val="0"/>
                </a:spcBef>
                <a:spcAft>
                  <a:spcPct val="0"/>
                </a:spcAft>
              </a:pPr>
              <a:t>16</a:t>
            </a:fld>
            <a:endParaRPr lang="en-US" altLang="en-US" sz="1200"/>
          </a:p>
        </p:txBody>
      </p:sp>
    </p:spTree>
    <p:extLst>
      <p:ext uri="{BB962C8B-B14F-4D97-AF65-F5344CB8AC3E}">
        <p14:creationId xmlns:p14="http://schemas.microsoft.com/office/powerpoint/2010/main" val="71866970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7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png"/><Relationship Id="rId4" Type="http://schemas.openxmlformats.org/officeDocument/2006/relationships/image" Target="../media/image1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80812182" name="LogoBlue-Dynamic" descr="{&quot;templafy&quot;:{&quot;id&quot;:&quot;50481bb9-4dcb-4c1e-9795-fd2b28a3120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263e2a02-6221-47d6-9b35-8ddf219b2a73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483110144" name="LogoBlue-Dynamic" descr="{&quot;templafy&quot;:{&quot;id&quot;:&quot;eb8ee713-2ee9-418e-93e6-9d11eac0dfb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cb483642-e610-4b11-90a3-a92fed69e5cb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091888159" name="LogoWhite-Dynamic" descr="{&quot;templafy&quot;:{&quot;id&quot;:&quot;ed07e62a-afb2-4b3f-94cd-ecfcf59cd8c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eab76f87-b263-41bd-b4e9-346bdcf5d740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385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5200" cy="4787900"/>
          </a:xfrm>
        </p:spPr>
        <p:txBody>
          <a:bodyPr>
            <a:no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321986281" name="LogoWhite-Dynamic" descr="{&quot;templafy&quot;:{&quot;id&quot;:&quot;6dce4280-d0b2-4878-a629-6e1e5467bfb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210287da-8b52-4d7f-9d2d-28d7e584c8db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38baf28a-c009-443f-8cb2-f9eaf14e8eae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B2C865E-BEC1-EE4C-E61C-369AEE2DFC7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183947" y="5990000"/>
            <a:ext cx="350640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4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629352325" name="LogoWhite-Dynamic" descr="{&quot;templafy&quot;:{&quot;id&quot;:&quot;33dc8429-ed36-491b-8ff8-cd64a702bee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18b39780-6793-45d0-90c9-cece3bfb8d11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B4DB5-6F82-52F7-7AD9-80874B011E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4664821" y="1129553"/>
            <a:ext cx="6886462" cy="572844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icon to add picture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963843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11eb4682-c810-4101-ae7f-7eee3fc2d526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1339987887" name="LogoBlack-Dynamic" descr="{&quot;templafy&quot;:{&quot;id&quot;:&quot;2d28a43a-818d-44c7-b080-82402428aa5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744817297" name="LogoBlue-Dynamic" descr="{&quot;templafy&quot;:{&quot;id&quot;:&quot;168ded71-6184-4d6d-bf32-74026fde480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08e6fe06-5351-4b1e-9a68-cef04b7f0513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43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797408285" name="LogoBlue-Dynamic" descr="{&quot;templafy&quot;:{&quot;id&quot;:&quot;04f559a7-d305-4f39-99e5-18aaaf4931a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30d1d0c8-95fd-43ce-afcf-30c42c7db274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401212480" name="LogoBlack-Dynamic" descr="{&quot;templafy&quot;:{&quot;id&quot;:&quot;f12be15d-6750-44fc-80b5-52ec79a8a1e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a5ec37a-c1db-4848-9d38-b1482eb0282a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312674655" name="LogoWhite-Dynamic" descr="{&quot;templafy&quot;:{&quot;id&quot;:&quot;f5d1dbdd-0b04-427c-8af6-548b0c118a8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6a74190c-bea4-4e03-884f-7882b18062a2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455383303" name="LogoBlack-Dynamic" descr="{&quot;templafy&quot;:{&quot;id&quot;:&quot;6c2c3bbd-41bc-4228-887c-75deb98457d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018efe37-4b3a-4107-88b1-b39363b312f8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69013ba3-26c5-4e15-8fde-85ba85252dc0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5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28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SAP/abap-cleaner" TargetMode="Externa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5.png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7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4.png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17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hyperlink" Target="https://github.com/SAP/abap-cleaner" TargetMode="External"/><Relationship Id="rId1" Type="http://schemas.openxmlformats.org/officeDocument/2006/relationships/slideLayout" Target="../slideLayouts/slideLayout16.xml"/><Relationship Id="rId5" Type="http://schemas.openxmlformats.org/officeDocument/2006/relationships/image" Target="../media/image17.png"/><Relationship Id="rId4" Type="http://schemas.openxmlformats.org/officeDocument/2006/relationships/hyperlink" Target="https://www.youtube.com/watch?v=0mp0FuJV5_k" TargetMode="Externa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6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16.xml"/><Relationship Id="rId4" Type="http://schemas.openxmlformats.org/officeDocument/2006/relationships/image" Target="../media/image21.png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7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SAP/abap-cleaner/issues/new/choose" TargetMode="External"/><Relationship Id="rId2" Type="http://schemas.openxmlformats.org/officeDocument/2006/relationships/image" Target="../media/image22.jpg"/><Relationship Id="rId1" Type="http://schemas.openxmlformats.org/officeDocument/2006/relationships/slideLayout" Target="../slideLayouts/slideLayout17.xml"/><Relationship Id="rId6" Type="http://schemas.openxmlformats.org/officeDocument/2006/relationships/image" Target="../media/image24.png"/><Relationship Id="rId5" Type="http://schemas.openxmlformats.org/officeDocument/2006/relationships/hyperlink" Target="https://github.com/SAP/abap-cleaner" TargetMode="External"/><Relationship Id="rId4" Type="http://schemas.openxmlformats.org/officeDocument/2006/relationships/image" Target="../media/image23.png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hyperlink" Target="https://sap.github.io/abap-cleaner/updatesite" TargetMode="External"/><Relationship Id="rId13" Type="http://schemas.openxmlformats.org/officeDocument/2006/relationships/hyperlink" Target="https://blogs.sap.com/2023/10/09/abap-tools-for-clean-abap/" TargetMode="External"/><Relationship Id="rId18" Type="http://schemas.openxmlformats.org/officeDocument/2006/relationships/hyperlink" Target="https://github.com/larshp/abapOpenChecks" TargetMode="External"/><Relationship Id="rId3" Type="http://schemas.openxmlformats.org/officeDocument/2006/relationships/hyperlink" Target="https://github.com/SAP/abap-cleaner#requirements-and-installation" TargetMode="External"/><Relationship Id="rId7" Type="http://schemas.openxmlformats.org/officeDocument/2006/relationships/hyperlink" Target="https://github.com/SAP/abap-cleaner/issues" TargetMode="External"/><Relationship Id="rId12" Type="http://schemas.openxmlformats.org/officeDocument/2006/relationships/hyperlink" Target="https://blog.sap-press.com/how-to-clean-your-abap-code-with-one-keystroke-using-abap-cleaner" TargetMode="External"/><Relationship Id="rId17" Type="http://schemas.openxmlformats.org/officeDocument/2006/relationships/hyperlink" Target="https://github.com/abaplint/abaplint" TargetMode="External"/><Relationship Id="rId2" Type="http://schemas.openxmlformats.org/officeDocument/2006/relationships/hyperlink" Target="https://github.com/SAP/abap-cleaner" TargetMode="External"/><Relationship Id="rId16" Type="http://schemas.openxmlformats.org/officeDocument/2006/relationships/hyperlink" Target="https://github.com/SAP/code-pal-for-abap/" TargetMode="External"/><Relationship Id="rId1" Type="http://schemas.openxmlformats.org/officeDocument/2006/relationships/slideLayout" Target="../slideLayouts/slideLayout17.xml"/><Relationship Id="rId6" Type="http://schemas.openxmlformats.org/officeDocument/2006/relationships/hyperlink" Target="https://github.com/SAP/abap-cleaner/blob/main/docs/rules.md" TargetMode="External"/><Relationship Id="rId11" Type="http://schemas.openxmlformats.org/officeDocument/2006/relationships/hyperlink" Target="https://d.dam.sap.com/a/m7QFgad/Open-Source%20Project%20ABAP%20Cleaner.pdf" TargetMode="External"/><Relationship Id="rId5" Type="http://schemas.openxmlformats.org/officeDocument/2006/relationships/hyperlink" Target="https://github.com/SAP/abap-cleaner/blob/main/docs/release-notes.md" TargetMode="External"/><Relationship Id="rId15" Type="http://schemas.openxmlformats.org/officeDocument/2006/relationships/hyperlink" Target="https://github.com/SAP/code-pal-for-abap-cloud" TargetMode="External"/><Relationship Id="rId10" Type="http://schemas.openxmlformats.org/officeDocument/2006/relationships/hyperlink" Target="https://www.youtube.com/watch?v=g0kZAI6pxMc" TargetMode="External"/><Relationship Id="rId19" Type="http://schemas.openxmlformats.org/officeDocument/2006/relationships/hyperlink" Target="https://github.com/fidley/ABAPQuickFix" TargetMode="External"/><Relationship Id="rId4" Type="http://schemas.openxmlformats.org/officeDocument/2006/relationships/hyperlink" Target="https://github.com/SAP/abap-cleaner#readme" TargetMode="External"/><Relationship Id="rId9" Type="http://schemas.openxmlformats.org/officeDocument/2006/relationships/hyperlink" Target="https://www.youtube.com/watch?v=0mp0FuJV5_k" TargetMode="External"/><Relationship Id="rId14" Type="http://schemas.openxmlformats.org/officeDocument/2006/relationships/hyperlink" Target="https://github.com/SAP/styleguides/blob/main/clean-abap/CleanABAP.md" TargetMode="Externa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hyperlink" Target="mailto:abap-cleaner@sap.com" TargetMode="External"/><Relationship Id="rId5" Type="http://schemas.openxmlformats.org/officeDocument/2006/relationships/hyperlink" Target="mailto:bjoern.jueliger@sap.com" TargetMode="External"/><Relationship Id="rId4" Type="http://schemas.openxmlformats.org/officeDocument/2006/relationships/notesSlide" Target="../notesSlides/notesSlide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image" Target="../media/image9.png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hyperlink" Target="https://blogs.sap.com/2021/03/17/why-clean-abap-a-foundation-for-improvements" TargetMode="External"/><Relationship Id="rId2" Type="http://schemas.openxmlformats.org/officeDocument/2006/relationships/hyperlink" Target="https://github.com/SAP/styleguides/blob/main/clean-abap/CleanABAP.md" TargetMode="External"/><Relationship Id="rId1" Type="http://schemas.openxmlformats.org/officeDocument/2006/relationships/slideLayout" Target="../slideLayouts/slideLayout17.xml"/><Relationship Id="rId5" Type="http://schemas.openxmlformats.org/officeDocument/2006/relationships/hyperlink" Target="https://github.com/SAP/styleguides/blob/main/GOVERNANCE.md" TargetMode="External"/><Relationship Id="rId4" Type="http://schemas.openxmlformats.org/officeDocument/2006/relationships/hyperlink" Target="https://github.com/SAP/styleguides/blob/main/CONTRIBUTING.md" TargetMode="Externa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hyperlink" Target="https://blogs.sap.com/2022/05/05/how-to-enable-clean-code-checks-for-abap" TargetMode="External"/><Relationship Id="rId2" Type="http://schemas.openxmlformats.org/officeDocument/2006/relationships/hyperlink" Target="https://github.com/SAP/code-pal-for-abap" TargetMode="External"/><Relationship Id="rId1" Type="http://schemas.openxmlformats.org/officeDocument/2006/relationships/slideLayout" Target="../slideLayouts/slideLayout17.xml"/><Relationship Id="rId5" Type="http://schemas.openxmlformats.org/officeDocument/2006/relationships/hyperlink" Target="https://blogs.sap.com/2023/09/11/clean-code-checks-for-abap-cloud-edition" TargetMode="External"/><Relationship Id="rId4" Type="http://schemas.openxmlformats.org/officeDocument/2006/relationships/hyperlink" Target="https://github.com/SAP/code-pal-for-abap-cloud/" TargetMode="Externa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/>
              <a:t>ABAP Tools for Clean ABAP</a:t>
            </a:r>
            <a:endParaRPr lang="en-US" sz="3200" dirty="0">
              <a:solidFill>
                <a:srgbClr val="F0AB00"/>
              </a:solidFill>
            </a:endParaRPr>
          </a:p>
        </p:txBody>
      </p:sp>
      <p:sp>
        <p:nvSpPr>
          <p:cNvPr id="2" name="Spaker name - Dynamic" descr="{&quot;templafy&quot;:{&quot;id&quot;:&quot;001d0774-5705-4fb5-b298-7ddcecc50267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7338" y="43034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Björn </a:t>
            </a:r>
            <a:r>
              <a:rPr lang="en-US" sz="1400" dirty="0" err="1">
                <a:latin typeface="72 Brand" panose="020B0504030603020204" pitchFamily="34" charset="0"/>
                <a:cs typeface="72" panose="020B0503030000000003" pitchFamily="34" charset="0"/>
              </a:rPr>
              <a:t>Jüliger</a:t>
            </a:r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, SAP </a:t>
            </a:r>
            <a:b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</a:br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örg-Michael Grassau, SAP</a:t>
            </a:r>
            <a:b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</a:br>
            <a:endParaRPr lang="en-US" sz="1400" dirty="0">
              <a:latin typeface="72 Brand" panose="020B0504030603020204" pitchFamily="34" charset="0"/>
              <a:cs typeface="72" panose="020B0503030000000003" pitchFamily="34" charset="0"/>
            </a:endParaRPr>
          </a:p>
        </p:txBody>
      </p:sp>
      <p:sp>
        <p:nvSpPr>
          <p:cNvPr id="3" name="Date - Dynamic" descr="{&quot;templafy&quot;:{&quot;id&quot;:&quot;1a641352-31eb-4cda-8104-565498b88b2e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53425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une 6</a:t>
            </a:r>
            <a:r>
              <a:rPr lang="en-US" sz="1400" baseline="30000" dirty="0">
                <a:latin typeface="72 Brand" panose="020B0504030603020204" pitchFamily="34" charset="0"/>
                <a:cs typeface="72" panose="020B0503030000000003" pitchFamily="34" charset="0"/>
              </a:rPr>
              <a:t>th</a:t>
            </a:r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, 2024 – ABAPCONF 2024 EUROPE</a:t>
            </a:r>
          </a:p>
        </p:txBody>
      </p:sp>
      <p:pic>
        <p:nvPicPr>
          <p:cNvPr id="18" name="Picture Placeholder 14">
            <a:extLst>
              <a:ext uri="{FF2B5EF4-FFF2-40B4-BE49-F238E27FC236}">
                <a16:creationId xmlns:a16="http://schemas.microsoft.com/office/drawing/2014/main" id="{6D39BC90-CF11-3E9B-D0F0-AE61667F4A1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173D6A7E-CE84-C3F5-497A-BCD06834453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936291" y="2613618"/>
            <a:ext cx="4393348" cy="268181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3869BB-EA14-36A9-E1BE-FE812467149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000" b="1" dirty="0">
                <a:solidFill>
                  <a:srgbClr val="F0AB00"/>
                </a:solidFill>
                <a:latin typeface="72 Brand"/>
              </a:rPr>
              <a:t>What</a:t>
            </a:r>
            <a:r>
              <a:rPr lang="en-US" sz="4000" b="1" dirty="0">
                <a:solidFill>
                  <a:schemeClr val="accent1"/>
                </a:solidFill>
                <a:latin typeface="72 Brand"/>
              </a:rPr>
              <a:t> </a:t>
            </a:r>
            <a:r>
              <a:rPr lang="en-US" sz="4000" b="1" dirty="0">
                <a:latin typeface="72 Brand"/>
              </a:rPr>
              <a:t>is ABAP cleaner?</a:t>
            </a:r>
            <a:endParaRPr lang="en-US" sz="2000" b="1" dirty="0"/>
          </a:p>
        </p:txBody>
      </p:sp>
    </p:spTree>
    <p:extLst>
      <p:ext uri="{BB962C8B-B14F-4D97-AF65-F5344CB8AC3E}">
        <p14:creationId xmlns:p14="http://schemas.microsoft.com/office/powerpoint/2010/main" val="74506545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9FB28B-5B8C-2493-395D-DE7FEBE533FB}"/>
              </a:ext>
            </a:extLst>
          </p:cNvPr>
          <p:cNvSpPr>
            <a:spLocks noGrp="1"/>
          </p:cNvSpPr>
          <p:nvPr>
            <p:ph type="title" idx="4294967295"/>
          </p:nvPr>
        </p:nvSpPr>
        <p:spPr/>
        <p:txBody>
          <a:bodyPr/>
          <a:lstStyle/>
          <a:p>
            <a:r>
              <a:rPr lang="en-US" dirty="0">
                <a:solidFill>
                  <a:srgbClr val="F0AB00"/>
                </a:solidFill>
              </a:rPr>
              <a:t>What</a:t>
            </a:r>
            <a:r>
              <a:rPr lang="en-US" dirty="0"/>
              <a:t> is ABAP cleaner?</a:t>
            </a:r>
            <a:endParaRPr lang="en-DE" dirty="0"/>
          </a:p>
        </p:txBody>
      </p:sp>
      <p:pic>
        <p:nvPicPr>
          <p:cNvPr id="4" name="Picture 3" descr="ABAP cleaner logo">
            <a:extLst>
              <a:ext uri="{FF2B5EF4-FFF2-40B4-BE49-F238E27FC236}">
                <a16:creationId xmlns:a16="http://schemas.microsoft.com/office/drawing/2014/main" id="{F88A7810-D02A-4455-B43C-FD05D0BF2CA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56769" y="250077"/>
            <a:ext cx="1912122" cy="1912122"/>
          </a:xfrm>
          <a:prstGeom prst="rect">
            <a:avLst/>
          </a:prstGeom>
        </p:spPr>
      </p:pic>
      <p:sp>
        <p:nvSpPr>
          <p:cNvPr id="3" name="Text Placeholder 1">
            <a:extLst>
              <a:ext uri="{FF2B5EF4-FFF2-40B4-BE49-F238E27FC236}">
                <a16:creationId xmlns:a16="http://schemas.microsoft.com/office/drawing/2014/main" id="{88CEBCBD-46CE-C75D-9125-7DF866FF7590}"/>
              </a:ext>
            </a:extLst>
          </p:cNvPr>
          <p:cNvSpPr txBox="1">
            <a:spLocks/>
          </p:cNvSpPr>
          <p:nvPr/>
        </p:nvSpPr>
        <p:spPr>
          <a:xfrm>
            <a:off x="504987" y="2249283"/>
            <a:ext cx="11185200" cy="3768339"/>
          </a:xfrm>
          <a:prstGeom prst="rect">
            <a:avLst/>
          </a:prstGeom>
        </p:spPr>
        <p:txBody>
          <a:bodyPr>
            <a:normAutofit/>
          </a:bodyPr>
          <a:lstStyle>
            <a:lvl1pPr marL="228600" indent="-228600" algn="l" defTabSz="931863" rtl="0" eaLnBrk="1" fontAlgn="base" hangingPunct="1">
              <a:spcBef>
                <a:spcPct val="20000"/>
              </a:spcBef>
              <a:spcAft>
                <a:spcPct val="0"/>
              </a:spcAft>
              <a:buSzPct val="90000"/>
              <a:buFont typeface="Wingdings" panose="05000000000000000000" pitchFamily="2" charset="2"/>
              <a:buChar char=""/>
              <a:defRPr sz="28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72" panose="020B0503030000000003" pitchFamily="34" charset="0"/>
              </a:defRPr>
            </a:lvl1pPr>
            <a:lvl2pPr marL="457200" indent="-228600" algn="l" defTabSz="931863" rtl="0" eaLnBrk="1" fontAlgn="base" hangingPunct="1">
              <a:spcBef>
                <a:spcPct val="20000"/>
              </a:spcBef>
              <a:spcAft>
                <a:spcPct val="0"/>
              </a:spcAft>
              <a:buSzPct val="90000"/>
              <a:buFont typeface="Wingdings" panose="05000000000000000000" pitchFamily="2" charset="2"/>
              <a:buChar char=""/>
              <a:defRPr sz="20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72" panose="020B0503030000000003" pitchFamily="34" charset="0"/>
              </a:defRPr>
            </a:lvl2pPr>
            <a:lvl3pPr marL="657225" indent="-200025" algn="l" defTabSz="931863" rtl="0" eaLnBrk="1" fontAlgn="base" hangingPunct="1">
              <a:spcBef>
                <a:spcPct val="20000"/>
              </a:spcBef>
              <a:spcAft>
                <a:spcPct val="0"/>
              </a:spcAft>
              <a:buSzPct val="90000"/>
              <a:buFont typeface="Wingdings" panose="05000000000000000000" pitchFamily="2" charset="2"/>
              <a:buChar char=""/>
              <a:defRPr sz="16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72" panose="020B0503030000000003" pitchFamily="34" charset="0"/>
              </a:defRPr>
            </a:lvl3pPr>
            <a:lvl4pPr marL="842963" indent="-180975" algn="l" defTabSz="931863" rtl="0" eaLnBrk="1" fontAlgn="base" hangingPunct="1">
              <a:spcBef>
                <a:spcPct val="20000"/>
              </a:spcBef>
              <a:spcAft>
                <a:spcPct val="0"/>
              </a:spcAft>
              <a:buSzPct val="90000"/>
              <a:buFont typeface="Wingdings" panose="05000000000000000000" pitchFamily="2" charset="2"/>
              <a:buChar char=""/>
              <a:defRPr sz="14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72" panose="020B0503030000000003" pitchFamily="34" charset="0"/>
              </a:defRPr>
            </a:lvl4pPr>
            <a:lvl5pPr marL="1023938" indent="-168275" algn="l" defTabSz="931863" rtl="0" eaLnBrk="1" fontAlgn="base" hangingPunct="1">
              <a:spcBef>
                <a:spcPct val="20000"/>
              </a:spcBef>
              <a:spcAft>
                <a:spcPct val="0"/>
              </a:spcAft>
              <a:buSzPct val="90000"/>
              <a:buFont typeface="Wingdings" panose="05000000000000000000" pitchFamily="2" charset="2"/>
              <a:buChar char=""/>
              <a:defRPr sz="14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72" panose="020B0503030000000003" pitchFamily="34" charset="0"/>
              </a:defRPr>
            </a:lvl5pPr>
            <a:lvl6pPr marL="2565040" indent="-233186" algn="l" defTabSz="932742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031412" indent="-233186" algn="l" defTabSz="932742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97783" indent="-233186" algn="l" defTabSz="932742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64155" indent="-233186" algn="l" defTabSz="932742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31863" rtl="0" eaLnBrk="1" fontAlgn="base" latinLnBrk="0" hangingPunct="1">
              <a:lnSpc>
                <a:spcPct val="125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Wingdings" panose="05000000000000000000" pitchFamily="2" charset="2"/>
              <a:buNone/>
              <a:tabLst/>
              <a:defRPr/>
            </a:pP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“ </a:t>
            </a: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ABAP cleaner </a:t>
            </a: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is a </a:t>
            </a: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2FA5F5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configurable</a:t>
            </a: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tool</a:t>
            </a:r>
            <a:b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</a:b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  with the ambition to </a:t>
            </a: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2FA5F5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automate</a:t>
            </a:r>
            <a:b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FFC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</a:b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  whatever can be automated with</a:t>
            </a:r>
            <a:b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</a:b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  respect to ABAP code style. ”</a:t>
            </a:r>
          </a:p>
        </p:txBody>
      </p:sp>
    </p:spTree>
    <p:extLst>
      <p:ext uri="{BB962C8B-B14F-4D97-AF65-F5344CB8AC3E}">
        <p14:creationId xmlns:p14="http://schemas.microsoft.com/office/powerpoint/2010/main" val="256952264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1BEF716C-E4A3-4EEA-B951-A0B236DB5F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rgbClr val="F0AB00"/>
                </a:solidFill>
              </a:rPr>
              <a:t>What</a:t>
            </a:r>
            <a:r>
              <a:rPr lang="en-US" dirty="0"/>
              <a:t> is ABAP cleaner?</a:t>
            </a:r>
          </a:p>
        </p:txBody>
      </p:sp>
      <p:sp>
        <p:nvSpPr>
          <p:cNvPr id="24579" name="Text Placeholder 5">
            <a:extLst>
              <a:ext uri="{FF2B5EF4-FFF2-40B4-BE49-F238E27FC236}">
                <a16:creationId xmlns:a16="http://schemas.microsoft.com/office/drawing/2014/main" id="{C6880B0D-18EA-4C2D-BCF3-124C3623226A}"/>
              </a:ext>
            </a:extLst>
          </p:cNvPr>
          <p:cNvSpPr>
            <a:spLocks noGrp="1" noChangeArrowheads="1"/>
          </p:cNvSpPr>
          <p:nvPr>
            <p:ph sz="quarter" idx="10"/>
          </p:nvPr>
        </p:nvSpPr>
        <p:spPr>
          <a:xfrm>
            <a:off x="585787" y="1435101"/>
            <a:ext cx="11018838" cy="4862332"/>
          </a:xfrm>
        </p:spPr>
        <p:txBody>
          <a:bodyPr>
            <a:normAutofit/>
          </a:bodyPr>
          <a:lstStyle/>
          <a:p>
            <a:pPr marL="285750" indent="-285750">
              <a:lnSpc>
                <a:spcPct val="130000"/>
              </a:lnSpc>
              <a:buFont typeface="Arial" panose="020B0604020202020204" pitchFamily="34" charset="0"/>
              <a:buChar char="•"/>
            </a:pPr>
            <a:r>
              <a:rPr lang="en-US" sz="2400" dirty="0"/>
              <a:t>ABAP cleaner applies </a:t>
            </a:r>
            <a:r>
              <a:rPr lang="en-US" sz="2400" b="1" dirty="0">
                <a:solidFill>
                  <a:srgbClr val="2FA5F5"/>
                </a:solidFill>
              </a:rPr>
              <a:t>75+ cleanup rules</a:t>
            </a:r>
            <a:r>
              <a:rPr lang="en-US" sz="2400" b="1" dirty="0">
                <a:solidFill>
                  <a:schemeClr val="accent3"/>
                </a:solidFill>
              </a:rPr>
              <a:t> </a:t>
            </a:r>
            <a:r>
              <a:rPr lang="en-US" sz="2400" dirty="0"/>
              <a:t>to ABAP code at a </a:t>
            </a:r>
            <a:r>
              <a:rPr lang="en-US" sz="2400" b="1" dirty="0">
                <a:solidFill>
                  <a:srgbClr val="2FA5F5"/>
                </a:solidFill>
              </a:rPr>
              <a:t>single keystroke</a:t>
            </a:r>
          </a:p>
          <a:p>
            <a:pPr marL="285750" indent="-285750">
              <a:lnSpc>
                <a:spcPct val="130000"/>
              </a:lnSpc>
              <a:buFont typeface="Arial" panose="020B0604020202020204" pitchFamily="34" charset="0"/>
              <a:buChar char="•"/>
            </a:pPr>
            <a:endParaRPr lang="en-US" sz="2400" dirty="0"/>
          </a:p>
          <a:p>
            <a:pPr marL="285750" indent="-285750">
              <a:lnSpc>
                <a:spcPct val="130000"/>
              </a:lnSpc>
              <a:buFont typeface="Arial" panose="020B0604020202020204" pitchFamily="34" charset="0"/>
              <a:buChar char="•"/>
            </a:pPr>
            <a:endParaRPr lang="en-US" sz="2400" dirty="0"/>
          </a:p>
          <a:p>
            <a:pPr>
              <a:lnSpc>
                <a:spcPct val="130000"/>
              </a:lnSpc>
            </a:pPr>
            <a:br>
              <a:rPr lang="en-US" sz="2400" dirty="0"/>
            </a:br>
            <a:endParaRPr lang="en-US" sz="2400" dirty="0"/>
          </a:p>
          <a:p>
            <a:pPr marL="285750" indent="-285750">
              <a:lnSpc>
                <a:spcPct val="130000"/>
              </a:lnSpc>
              <a:buFont typeface="Arial" panose="020B0604020202020204" pitchFamily="34" charset="0"/>
              <a:buChar char="•"/>
            </a:pPr>
            <a:r>
              <a:rPr lang="en-US" sz="2400" dirty="0"/>
              <a:t>Detailed </a:t>
            </a:r>
            <a:r>
              <a:rPr lang="en-US" sz="2400" b="1" dirty="0">
                <a:solidFill>
                  <a:srgbClr val="2FA5F5"/>
                </a:solidFill>
              </a:rPr>
              <a:t>configuration</a:t>
            </a:r>
            <a:r>
              <a:rPr lang="en-US" sz="2400" dirty="0"/>
              <a:t> of cleanup rules as needed by your team </a:t>
            </a:r>
          </a:p>
          <a:p>
            <a:pPr marL="285750" indent="-285750">
              <a:lnSpc>
                <a:spcPct val="130000"/>
              </a:lnSpc>
              <a:buFont typeface="Arial" panose="020B0604020202020204" pitchFamily="34" charset="0"/>
              <a:buChar char="•"/>
            </a:pPr>
            <a:r>
              <a:rPr lang="en-US" sz="2400" b="1" dirty="0">
                <a:solidFill>
                  <a:srgbClr val="2FA5F5"/>
                </a:solidFill>
              </a:rPr>
              <a:t>Open-Source ADT plug-in</a:t>
            </a:r>
            <a:r>
              <a:rPr lang="en-US" sz="2400" dirty="0"/>
              <a:t>: </a:t>
            </a:r>
            <a:r>
              <a:rPr lang="en-US" sz="2400" dirty="0">
                <a:hlinkClick r:id="rId3"/>
              </a:rPr>
              <a:t>https://github.com/SAP/abap-cleaner</a:t>
            </a:r>
            <a:r>
              <a:rPr lang="en-US" sz="2400" dirty="0"/>
              <a:t> </a:t>
            </a: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5EA56EF-53D5-A44D-E7E4-9E4E8A652A8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57898" y="2027726"/>
            <a:ext cx="5300918" cy="25161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509336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5179B2-A9D7-37AE-FE73-94D9E0DE0DB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text: SAP-initiated Open Source projects on </a:t>
            </a:r>
            <a:r>
              <a:rPr lang="en-US" dirty="0">
                <a:solidFill>
                  <a:srgbClr val="2FA5F5"/>
                </a:solidFill>
              </a:rPr>
              <a:t>Clean ABAP</a:t>
            </a:r>
            <a:endParaRPr lang="en-DE" dirty="0">
              <a:solidFill>
                <a:srgbClr val="2FA5F5"/>
              </a:solidFill>
            </a:endParaRPr>
          </a:p>
        </p:txBody>
      </p:sp>
      <p:sp>
        <p:nvSpPr>
          <p:cNvPr id="3" name="Oval 2" descr="Oval representing Clean ABAP">
            <a:extLst>
              <a:ext uri="{FF2B5EF4-FFF2-40B4-BE49-F238E27FC236}">
                <a16:creationId xmlns:a16="http://schemas.microsoft.com/office/drawing/2014/main" id="{D1988EBF-E240-F639-E515-26D1A07EB3B4}"/>
              </a:ext>
            </a:extLst>
          </p:cNvPr>
          <p:cNvSpPr/>
          <p:nvPr/>
        </p:nvSpPr>
        <p:spPr bwMode="auto">
          <a:xfrm>
            <a:off x="590551" y="1243263"/>
            <a:ext cx="8659311" cy="5470358"/>
          </a:xfrm>
          <a:prstGeom prst="ellipse">
            <a:avLst/>
          </a:prstGeom>
          <a:solidFill>
            <a:srgbClr val="FFFFFF">
              <a:lumMod val="95000"/>
            </a:srgbClr>
          </a:solidFill>
          <a:ln w="57150" cap="flat" cmpd="sng" algn="ctr">
            <a:solidFill>
              <a:srgbClr val="000000"/>
            </a:solidFill>
            <a:prstDash val="solid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32472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 dirty="0" err="1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1"/>
              </a:gradFill>
              <a:effectLst/>
              <a:uLnTx/>
              <a:uFillTx/>
              <a:latin typeface="72" panose="020B0503030000000003" pitchFamily="34" charset="0"/>
              <a:ea typeface="Segoe UI" pitchFamily="34" charset="0"/>
              <a:cs typeface="72" panose="020B0503030000000003" pitchFamily="34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2563C58-0071-0BB2-DC76-9B32426EF751}"/>
              </a:ext>
            </a:extLst>
          </p:cNvPr>
          <p:cNvSpPr txBox="1"/>
          <p:nvPr/>
        </p:nvSpPr>
        <p:spPr>
          <a:xfrm>
            <a:off x="3135521" y="1428836"/>
            <a:ext cx="356936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2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Clean ABAP</a:t>
            </a:r>
            <a:endParaRPr kumimoji="0" lang="en-US" sz="2400" b="1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" panose="020B0503030000000003" pitchFamily="34" charset="0"/>
              <a:ea typeface="+mn-ea"/>
              <a:cs typeface="72" panose="020B0503030000000003" pitchFamily="34" charset="0"/>
            </a:endParaRPr>
          </a:p>
        </p:txBody>
      </p:sp>
      <p:sp>
        <p:nvSpPr>
          <p:cNvPr id="4" name="Oval 3" descr="Oval representing &quot;describe&quot; subset of Clean ABAP">
            <a:extLst>
              <a:ext uri="{FF2B5EF4-FFF2-40B4-BE49-F238E27FC236}">
                <a16:creationId xmlns:a16="http://schemas.microsoft.com/office/drawing/2014/main" id="{DC966917-86B3-07AB-DF07-8574D942D489}"/>
              </a:ext>
            </a:extLst>
          </p:cNvPr>
          <p:cNvSpPr/>
          <p:nvPr/>
        </p:nvSpPr>
        <p:spPr bwMode="auto">
          <a:xfrm>
            <a:off x="1539969" y="1938019"/>
            <a:ext cx="6760472" cy="4031858"/>
          </a:xfrm>
          <a:prstGeom prst="ellipse">
            <a:avLst/>
          </a:prstGeom>
          <a:solidFill>
            <a:srgbClr val="470CED">
              <a:lumMod val="20000"/>
              <a:lumOff val="80000"/>
            </a:srgbClr>
          </a:solidFill>
          <a:ln w="57150" cap="flat" cmpd="sng" algn="ctr">
            <a:solidFill>
              <a:srgbClr val="470CED"/>
            </a:solidFill>
            <a:prstDash val="solid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32472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 dirty="0" err="1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1"/>
              </a:gradFill>
              <a:effectLst/>
              <a:uLnTx/>
              <a:uFillTx/>
              <a:latin typeface="72" panose="020B0503030000000003" pitchFamily="34" charset="0"/>
              <a:ea typeface="Segoe UI" pitchFamily="34" charset="0"/>
              <a:cs typeface="72" panose="020B0503030000000003" pitchFamily="34" charset="0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6EA1389-463E-E418-1060-F327EEF9A6E9}"/>
              </a:ext>
            </a:extLst>
          </p:cNvPr>
          <p:cNvSpPr txBox="1"/>
          <p:nvPr/>
        </p:nvSpPr>
        <p:spPr>
          <a:xfrm>
            <a:off x="2750510" y="2152700"/>
            <a:ext cx="4339389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1" i="0" u="none" strike="noStrike" kern="1200" cap="none" spc="0" normalizeH="0" baseline="0" noProof="0" dirty="0">
                <a:ln>
                  <a:noFill/>
                </a:ln>
                <a:solidFill>
                  <a:srgbClr val="470CED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describe</a:t>
            </a:r>
          </a:p>
          <a:p>
            <a:pPr marL="0" marR="0" lvl="0" indent="0" algn="ct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470CED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Clean ABAP style guide</a:t>
            </a:r>
          </a:p>
        </p:txBody>
      </p:sp>
      <p:sp>
        <p:nvSpPr>
          <p:cNvPr id="5" name="Oval 4" descr="Oval representing &quot;check&quot; subset of Clean ABAP">
            <a:extLst>
              <a:ext uri="{FF2B5EF4-FFF2-40B4-BE49-F238E27FC236}">
                <a16:creationId xmlns:a16="http://schemas.microsoft.com/office/drawing/2014/main" id="{235C14E0-5751-F1B0-7575-30CE0FC082B2}"/>
              </a:ext>
            </a:extLst>
          </p:cNvPr>
          <p:cNvSpPr/>
          <p:nvPr/>
        </p:nvSpPr>
        <p:spPr bwMode="auto">
          <a:xfrm>
            <a:off x="2422652" y="3051231"/>
            <a:ext cx="4995106" cy="2918647"/>
          </a:xfrm>
          <a:prstGeom prst="ellipse">
            <a:avLst/>
          </a:prstGeom>
          <a:solidFill>
            <a:srgbClr val="D20ADA">
              <a:lumMod val="20000"/>
              <a:lumOff val="80000"/>
            </a:srgbClr>
          </a:solidFill>
          <a:ln w="57150" cap="flat" cmpd="sng" algn="ctr">
            <a:solidFill>
              <a:srgbClr val="D20ADA"/>
            </a:solidFill>
            <a:prstDash val="solid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32472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 dirty="0" err="1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1"/>
              </a:gradFill>
              <a:effectLst/>
              <a:uLnTx/>
              <a:uFillTx/>
              <a:latin typeface="72" panose="020B0503030000000003" pitchFamily="34" charset="0"/>
              <a:ea typeface="Segoe UI" pitchFamily="34" charset="0"/>
              <a:cs typeface="72" panose="020B0503030000000003" pitchFamily="34" charset="0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04AC397-2D74-5D67-624C-5E6D68D6114C}"/>
              </a:ext>
            </a:extLst>
          </p:cNvPr>
          <p:cNvSpPr txBox="1"/>
          <p:nvPr/>
        </p:nvSpPr>
        <p:spPr>
          <a:xfrm>
            <a:off x="3056022" y="3362889"/>
            <a:ext cx="3569369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1" i="0" u="none" strike="noStrike" kern="1200" cap="none" spc="0" normalizeH="0" baseline="0" noProof="0" dirty="0">
                <a:ln>
                  <a:noFill/>
                </a:ln>
                <a:solidFill>
                  <a:srgbClr val="D20ADA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check</a:t>
            </a:r>
          </a:p>
          <a:p>
            <a:pPr marL="0" marR="0" lvl="0" indent="0" algn="ct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D20ADA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Code pal for ABAP</a:t>
            </a:r>
          </a:p>
        </p:txBody>
      </p:sp>
      <p:sp>
        <p:nvSpPr>
          <p:cNvPr id="9" name="Oval 8" descr="Oval representing &quot;automate&quot; subset of Clean ABAP">
            <a:extLst>
              <a:ext uri="{FF2B5EF4-FFF2-40B4-BE49-F238E27FC236}">
                <a16:creationId xmlns:a16="http://schemas.microsoft.com/office/drawing/2014/main" id="{2B9CCBAB-A336-47D9-B374-0C2D50300D6D}"/>
              </a:ext>
            </a:extLst>
          </p:cNvPr>
          <p:cNvSpPr/>
          <p:nvPr/>
        </p:nvSpPr>
        <p:spPr bwMode="auto">
          <a:xfrm>
            <a:off x="3215015" y="4261956"/>
            <a:ext cx="3410376" cy="2275478"/>
          </a:xfrm>
          <a:prstGeom prst="ellipse">
            <a:avLst/>
          </a:prstGeom>
          <a:solidFill>
            <a:srgbClr val="DAFDF5">
              <a:alpha val="74902"/>
            </a:srgbClr>
          </a:solidFill>
          <a:ln w="57150" cap="flat" cmpd="sng" algn="ctr">
            <a:solidFill>
              <a:srgbClr val="2CE0BF">
                <a:lumMod val="75000"/>
              </a:srgbClr>
            </a:solidFill>
            <a:prstDash val="solid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32472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 dirty="0" err="1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1"/>
              </a:gradFill>
              <a:effectLst/>
              <a:uLnTx/>
              <a:uFillTx/>
              <a:latin typeface="72" panose="020B0503030000000003" pitchFamily="34" charset="0"/>
              <a:ea typeface="Segoe UI" pitchFamily="34" charset="0"/>
              <a:cs typeface="72" panose="020B0503030000000003" pitchFamily="34" charset="0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8A0A234-03FD-D8A8-185A-C8D596A6EDF4}"/>
              </a:ext>
            </a:extLst>
          </p:cNvPr>
          <p:cNvSpPr txBox="1"/>
          <p:nvPr/>
        </p:nvSpPr>
        <p:spPr>
          <a:xfrm>
            <a:off x="3331270" y="4664675"/>
            <a:ext cx="3177866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1" i="0" u="none" strike="noStrike" kern="1200" cap="none" spc="0" normalizeH="0" baseline="0" noProof="0" dirty="0">
                <a:ln>
                  <a:noFill/>
                </a:ln>
                <a:solidFill>
                  <a:srgbClr val="2CE0BF">
                    <a:lumMod val="75000"/>
                  </a:srgbClr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automate</a:t>
            </a:r>
          </a:p>
          <a:p>
            <a:pPr marL="0" marR="0" lvl="0" indent="0" algn="ct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2CE0BF">
                    <a:lumMod val="75000"/>
                  </a:srgbClr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Code pal quick fixes</a:t>
            </a:r>
          </a:p>
          <a:p>
            <a:pPr marL="0" marR="0" lvl="0" indent="0" algn="ct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2CE0BF">
                  <a:lumMod val="75000"/>
                </a:srgbClr>
              </a:solidFill>
              <a:effectLst/>
              <a:uLnTx/>
              <a:uFillTx/>
              <a:latin typeface="72" panose="020B0503030000000003" pitchFamily="34" charset="0"/>
              <a:ea typeface="+mn-ea"/>
              <a:cs typeface="72" panose="020B0503030000000003" pitchFamily="34" charset="0"/>
            </a:endParaRPr>
          </a:p>
          <a:p>
            <a:pPr marL="0" marR="0" lvl="0" indent="0" algn="ct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2CE0BF">
                    <a:lumMod val="75000"/>
                  </a:srgbClr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ABAP cleaner</a:t>
            </a:r>
          </a:p>
        </p:txBody>
      </p:sp>
      <p:sp>
        <p:nvSpPr>
          <p:cNvPr id="10" name="Speech Bubble: Rectangle with Corners Rounded 9">
            <a:extLst>
              <a:ext uri="{FF2B5EF4-FFF2-40B4-BE49-F238E27FC236}">
                <a16:creationId xmlns:a16="http://schemas.microsoft.com/office/drawing/2014/main" id="{71401AB8-E725-1905-80E9-7D680ADAF08D}"/>
              </a:ext>
            </a:extLst>
          </p:cNvPr>
          <p:cNvSpPr/>
          <p:nvPr/>
        </p:nvSpPr>
        <p:spPr bwMode="gray">
          <a:xfrm>
            <a:off x="7837715" y="1029887"/>
            <a:ext cx="2422949" cy="1405704"/>
          </a:xfrm>
          <a:prstGeom prst="wedgeRoundRectCallout">
            <a:avLst>
              <a:gd name="adj1" fmla="val -127916"/>
              <a:gd name="adj2" fmla="val -6801"/>
              <a:gd name="adj3" fmla="val 16667"/>
            </a:avLst>
          </a:prstGeom>
          <a:ln>
            <a:headEnd/>
            <a:tailEnd/>
          </a:ln>
        </p:spPr>
        <p:style>
          <a:lnRef idx="2">
            <a:schemeClr val="accent2">
              <a:shade val="15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lean ABAP = how to write readable, maintainable, testable ABAP code </a:t>
            </a: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9090738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  <p:bldP spid="12" grpId="0"/>
      <p:bldP spid="5" grpId="0" animBg="1"/>
      <p:bldP spid="11" grpId="0"/>
      <p:bldP spid="9" grpId="0" animBg="1"/>
      <p:bldP spid="7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3869BB-EA14-36A9-E1BE-FE812467149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000" b="1" dirty="0">
                <a:solidFill>
                  <a:srgbClr val="F0AB00"/>
                </a:solidFill>
                <a:latin typeface="72 Brand"/>
              </a:rPr>
              <a:t>Who</a:t>
            </a:r>
            <a:r>
              <a:rPr lang="en-US" sz="4000" b="1" dirty="0">
                <a:solidFill>
                  <a:schemeClr val="accent1"/>
                </a:solidFill>
                <a:latin typeface="72 Brand"/>
              </a:rPr>
              <a:t> </a:t>
            </a:r>
            <a:r>
              <a:rPr lang="en-US" sz="4000" b="1" dirty="0">
                <a:latin typeface="72 Brand"/>
              </a:rPr>
              <a:t>is ABAP cleaner for </a:t>
            </a:r>
            <a:br>
              <a:rPr lang="en-US" sz="4000" b="1" dirty="0">
                <a:latin typeface="72 Brand"/>
              </a:rPr>
            </a:br>
            <a:r>
              <a:rPr lang="en-US" sz="4000" b="1" dirty="0">
                <a:latin typeface="72 Brand"/>
              </a:rPr>
              <a:t>and </a:t>
            </a:r>
            <a:r>
              <a:rPr lang="en-US" sz="4000" b="1" dirty="0">
                <a:solidFill>
                  <a:srgbClr val="F0AB00"/>
                </a:solidFill>
                <a:latin typeface="72 Brand"/>
              </a:rPr>
              <a:t>why</a:t>
            </a:r>
            <a:r>
              <a:rPr lang="en-US" sz="4000" b="1" dirty="0">
                <a:solidFill>
                  <a:schemeClr val="accent1"/>
                </a:solidFill>
                <a:latin typeface="72 Brand"/>
              </a:rPr>
              <a:t> </a:t>
            </a:r>
            <a:r>
              <a:rPr lang="en-US" sz="4000" b="1" dirty="0">
                <a:latin typeface="72 Brand"/>
              </a:rPr>
              <a:t>should you use it?</a:t>
            </a:r>
            <a:endParaRPr lang="en-US" sz="2000" b="1" dirty="0"/>
          </a:p>
        </p:txBody>
      </p:sp>
    </p:spTree>
    <p:extLst>
      <p:ext uri="{BB962C8B-B14F-4D97-AF65-F5344CB8AC3E}">
        <p14:creationId xmlns:p14="http://schemas.microsoft.com/office/powerpoint/2010/main" val="347049243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A670A6D-AB2B-C190-5234-7AF7A479E2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b="1" dirty="0"/>
              <a:t>Simply </a:t>
            </a:r>
            <a:r>
              <a:rPr lang="en-US" b="1" dirty="0">
                <a:solidFill>
                  <a:srgbClr val="2FA5F5"/>
                </a:solidFill>
              </a:rPr>
              <a:t>every ABAP developer</a:t>
            </a:r>
            <a:r>
              <a:rPr lang="en-US" b="1" dirty="0"/>
              <a:t>!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t a customer, at a partner, at SAP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n development or maintenance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n a team or on your own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Using ABAP Development Tools (ADT) (preferred) or SAP GUI (via clipboard) </a:t>
            </a:r>
          </a:p>
          <a:p>
            <a:endParaRPr lang="en-DE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69FB28B-5B8C-2493-395D-DE7FEBE533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rgbClr val="F0AB00"/>
                </a:solidFill>
              </a:rPr>
              <a:t>Who</a:t>
            </a:r>
            <a:r>
              <a:rPr lang="en-US" dirty="0"/>
              <a:t> is ABAP cleaner for?</a:t>
            </a:r>
            <a:endParaRPr lang="en-DE" dirty="0"/>
          </a:p>
        </p:txBody>
      </p:sp>
      <p:pic>
        <p:nvPicPr>
          <p:cNvPr id="4" name="Picture 3" descr="ABAP cleaner logo">
            <a:extLst>
              <a:ext uri="{FF2B5EF4-FFF2-40B4-BE49-F238E27FC236}">
                <a16:creationId xmlns:a16="http://schemas.microsoft.com/office/drawing/2014/main" id="{F88A7810-D02A-4455-B43C-FD05D0BF2CA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89426" y="0"/>
            <a:ext cx="1912122" cy="19121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66879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1BEF716C-E4A3-4EEA-B951-A0B236DB5F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rgbClr val="F0AB00"/>
                </a:solidFill>
              </a:rPr>
              <a:t>Why</a:t>
            </a:r>
            <a:r>
              <a:rPr lang="en-US" dirty="0"/>
              <a:t> should you use ABAP cleaner? </a:t>
            </a:r>
          </a:p>
        </p:txBody>
      </p:sp>
      <p:sp>
        <p:nvSpPr>
          <p:cNvPr id="24579" name="Text Placeholder 5">
            <a:extLst>
              <a:ext uri="{FF2B5EF4-FFF2-40B4-BE49-F238E27FC236}">
                <a16:creationId xmlns:a16="http://schemas.microsoft.com/office/drawing/2014/main" id="{C6880B0D-18EA-4C2D-BCF3-124C3623226A}"/>
              </a:ext>
            </a:extLst>
          </p:cNvPr>
          <p:cNvSpPr>
            <a:spLocks noGrp="1" noChangeArrowheads="1"/>
          </p:cNvSpPr>
          <p:nvPr>
            <p:ph sz="quarter" idx="10"/>
          </p:nvPr>
        </p:nvSpPr>
        <p:spPr>
          <a:xfrm>
            <a:off x="585787" y="1435101"/>
            <a:ext cx="11018838" cy="4918899"/>
          </a:xfrm>
        </p:spPr>
        <p:txBody>
          <a:bodyPr>
            <a:normAutofit fontScale="85000" lnSpcReduction="20000"/>
          </a:bodyPr>
          <a:lstStyle/>
          <a:p>
            <a:pPr>
              <a:lnSpc>
                <a:spcPct val="130000"/>
              </a:lnSpc>
              <a:spcBef>
                <a:spcPts val="1200"/>
              </a:spcBef>
              <a:buNone/>
            </a:pPr>
            <a:r>
              <a:rPr lang="en-US" altLang="en-US" sz="2400" b="1" dirty="0"/>
              <a:t>ABAP cleaner makes your </a:t>
            </a:r>
            <a:r>
              <a:rPr lang="en-US" altLang="en-US" sz="2400" b="1"/>
              <a:t>life easier </a:t>
            </a:r>
            <a:r>
              <a:rPr lang="en-US" altLang="en-US" sz="2400" b="1" dirty="0"/>
              <a:t>when …</a:t>
            </a:r>
          </a:p>
          <a:p>
            <a:pPr marL="342900" indent="-342900">
              <a:lnSpc>
                <a:spcPct val="130000"/>
              </a:lnSpc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altLang="en-US" sz="2400" b="1" dirty="0">
                <a:solidFill>
                  <a:srgbClr val="2FA5F5"/>
                </a:solidFill>
              </a:rPr>
              <a:t>Writing</a:t>
            </a:r>
            <a:r>
              <a:rPr lang="en-US" altLang="en-US" sz="2400" dirty="0"/>
              <a:t> code </a:t>
            </a:r>
          </a:p>
          <a:p>
            <a:pPr marL="342900" indent="-342900">
              <a:lnSpc>
                <a:spcPct val="130000"/>
              </a:lnSpc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altLang="en-US" sz="2400" b="1" dirty="0">
                <a:solidFill>
                  <a:srgbClr val="2FA5F5"/>
                </a:solidFill>
              </a:rPr>
              <a:t>Reading</a:t>
            </a:r>
            <a:r>
              <a:rPr lang="en-US" altLang="en-US" sz="2400" b="1" dirty="0">
                <a:solidFill>
                  <a:schemeClr val="accent3"/>
                </a:solidFill>
              </a:rPr>
              <a:t> </a:t>
            </a:r>
            <a:r>
              <a:rPr lang="en-US" altLang="en-US" sz="2400" dirty="0"/>
              <a:t>code </a:t>
            </a:r>
          </a:p>
          <a:p>
            <a:pPr marL="342900" indent="-342900">
              <a:lnSpc>
                <a:spcPct val="130000"/>
              </a:lnSpc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altLang="en-US" sz="2400" b="1" dirty="0">
                <a:solidFill>
                  <a:srgbClr val="2FA5F5"/>
                </a:solidFill>
              </a:rPr>
              <a:t>Reviewing</a:t>
            </a:r>
            <a:r>
              <a:rPr lang="en-US" altLang="en-US" sz="2400" b="1" dirty="0">
                <a:solidFill>
                  <a:schemeClr val="accent3"/>
                </a:solidFill>
              </a:rPr>
              <a:t> </a:t>
            </a:r>
            <a:r>
              <a:rPr lang="en-US" altLang="en-US" sz="2400" dirty="0"/>
              <a:t>code </a:t>
            </a:r>
          </a:p>
          <a:p>
            <a:pPr marL="342900" indent="-342900">
              <a:lnSpc>
                <a:spcPct val="130000"/>
              </a:lnSpc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altLang="en-US" sz="2400" b="1" dirty="0">
                <a:solidFill>
                  <a:srgbClr val="2FA5F5"/>
                </a:solidFill>
              </a:rPr>
              <a:t>Upskilling</a:t>
            </a:r>
            <a:r>
              <a:rPr lang="en-US" altLang="en-US" sz="2400" b="1" dirty="0">
                <a:solidFill>
                  <a:schemeClr val="accent3"/>
                </a:solidFill>
              </a:rPr>
              <a:t> </a:t>
            </a:r>
            <a:r>
              <a:rPr lang="en-US" altLang="en-US" sz="2400" dirty="0"/>
              <a:t>colleagues </a:t>
            </a:r>
          </a:p>
          <a:p>
            <a:pPr marL="342900" indent="-342900">
              <a:lnSpc>
                <a:spcPct val="130000"/>
              </a:lnSpc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altLang="en-US" sz="2400" b="1" dirty="0">
                <a:solidFill>
                  <a:srgbClr val="2FA5F5"/>
                </a:solidFill>
              </a:rPr>
              <a:t>Integrating</a:t>
            </a:r>
            <a:r>
              <a:rPr lang="en-US" altLang="en-US" sz="2400" b="1" dirty="0">
                <a:solidFill>
                  <a:schemeClr val="accent3"/>
                </a:solidFill>
              </a:rPr>
              <a:t> </a:t>
            </a:r>
            <a:r>
              <a:rPr lang="en-US" altLang="en-US" sz="2400" dirty="0"/>
              <a:t>your (non-)perfectionist colleague 🧐🙂</a:t>
            </a:r>
          </a:p>
          <a:p>
            <a:pPr>
              <a:lnSpc>
                <a:spcPct val="130000"/>
              </a:lnSpc>
              <a:spcBef>
                <a:spcPts val="1200"/>
              </a:spcBef>
            </a:pPr>
            <a:endParaRPr lang="en-US" altLang="en-US" sz="2400" dirty="0"/>
          </a:p>
          <a:p>
            <a:pPr>
              <a:lnSpc>
                <a:spcPct val="130000"/>
              </a:lnSpc>
              <a:spcBef>
                <a:spcPts val="1200"/>
              </a:spcBef>
            </a:pPr>
            <a:r>
              <a:rPr lang="en-US" altLang="en-US" sz="2400" b="1" dirty="0"/>
              <a:t>… thus leaving you more time for …</a:t>
            </a:r>
          </a:p>
          <a:p>
            <a:pPr marL="342900" indent="-342900">
              <a:lnSpc>
                <a:spcPct val="130000"/>
              </a:lnSpc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altLang="en-US" sz="2400" dirty="0"/>
              <a:t>Solving the </a:t>
            </a:r>
            <a:r>
              <a:rPr lang="en-US" altLang="en-US" sz="2400" b="1" dirty="0">
                <a:solidFill>
                  <a:srgbClr val="2FA5F5"/>
                </a:solidFill>
              </a:rPr>
              <a:t>more complex issues</a:t>
            </a:r>
            <a:r>
              <a:rPr lang="en-US" altLang="en-US" sz="2400" b="1" dirty="0">
                <a:solidFill>
                  <a:schemeClr val="accent3"/>
                </a:solidFill>
              </a:rPr>
              <a:t> </a:t>
            </a:r>
            <a:r>
              <a:rPr lang="en-US" altLang="en-US" sz="2400" dirty="0"/>
              <a:t>and (Code pal) findings </a:t>
            </a:r>
          </a:p>
          <a:p>
            <a:pPr marL="342900" indent="-342900">
              <a:lnSpc>
                <a:spcPct val="130000"/>
              </a:lnSpc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altLang="en-US" sz="2400" dirty="0"/>
              <a:t>Reviewing and discussing the </a:t>
            </a:r>
            <a:r>
              <a:rPr lang="en-US" altLang="en-US" sz="2400" b="1" dirty="0">
                <a:solidFill>
                  <a:srgbClr val="2FA5F5"/>
                </a:solidFill>
              </a:rPr>
              <a:t>algorithm</a:t>
            </a:r>
            <a:r>
              <a:rPr lang="en-US" altLang="en-US" sz="2400" b="1" dirty="0">
                <a:solidFill>
                  <a:schemeClr val="accent3"/>
                </a:solidFill>
              </a:rPr>
              <a:t> </a:t>
            </a:r>
            <a:r>
              <a:rPr lang="en-US" altLang="en-US" sz="2400" dirty="0"/>
              <a:t>etc.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115B9BD-5D15-4F27-E30C-B7379373A0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65903" y="4393339"/>
            <a:ext cx="3511958" cy="2143788"/>
          </a:xfrm>
          <a:prstGeom prst="rect">
            <a:avLst/>
          </a:prstGeom>
        </p:spPr>
      </p:pic>
      <p:pic>
        <p:nvPicPr>
          <p:cNvPr id="3" name="Picture 2" descr="ABAP cleaner logo">
            <a:extLst>
              <a:ext uri="{FF2B5EF4-FFF2-40B4-BE49-F238E27FC236}">
                <a16:creationId xmlns:a16="http://schemas.microsoft.com/office/drawing/2014/main" id="{6B2E2956-335A-782B-16D1-697D4D856FF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389426" y="0"/>
            <a:ext cx="1912122" cy="19121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28681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57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57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57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57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57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579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579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579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579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3869BB-EA14-36A9-E1BE-FE812467149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>
                <a:solidFill>
                  <a:srgbClr val="2FA5F5"/>
                </a:solidFill>
              </a:rPr>
              <a:t>Demo</a:t>
            </a:r>
            <a:r>
              <a:rPr lang="en-US" dirty="0"/>
              <a:t>: Where can you </a:t>
            </a:r>
            <a:r>
              <a:rPr lang="en-US" dirty="0">
                <a:solidFill>
                  <a:srgbClr val="F0AB00"/>
                </a:solidFill>
              </a:rPr>
              <a:t>get</a:t>
            </a:r>
            <a:r>
              <a:rPr lang="en-US" dirty="0"/>
              <a:t> ABAP cleaner? 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626857538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3869BB-EA14-36A9-E1BE-FE812467149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>
                <a:solidFill>
                  <a:srgbClr val="2FA5F5"/>
                </a:solidFill>
              </a:rPr>
              <a:t>Demo</a:t>
            </a:r>
            <a:r>
              <a:rPr lang="en-US" dirty="0"/>
              <a:t>: How can you </a:t>
            </a:r>
            <a:r>
              <a:rPr lang="en-US" dirty="0">
                <a:solidFill>
                  <a:srgbClr val="F0AB00"/>
                </a:solidFill>
              </a:rPr>
              <a:t>use</a:t>
            </a:r>
            <a:r>
              <a:rPr lang="en-US" dirty="0"/>
              <a:t> ABAP cleaner?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57288878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3869BB-EA14-36A9-E1BE-FE812467149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000" dirty="0">
                <a:solidFill>
                  <a:srgbClr val="2FA5F5"/>
                </a:solidFill>
              </a:rPr>
              <a:t>Demo</a:t>
            </a:r>
            <a:r>
              <a:rPr lang="en-US" sz="4000" dirty="0"/>
              <a:t>: How can you </a:t>
            </a:r>
            <a:r>
              <a:rPr lang="en-US" sz="4000" dirty="0">
                <a:solidFill>
                  <a:srgbClr val="F0AB00"/>
                </a:solidFill>
              </a:rPr>
              <a:t>configure</a:t>
            </a:r>
            <a:r>
              <a:rPr lang="en-US" sz="4000" dirty="0"/>
              <a:t> ABAP cleaner?</a:t>
            </a:r>
            <a:endParaRPr lang="en-DE" sz="4000" dirty="0"/>
          </a:p>
        </p:txBody>
      </p:sp>
    </p:spTree>
    <p:extLst>
      <p:ext uri="{BB962C8B-B14F-4D97-AF65-F5344CB8AC3E}">
        <p14:creationId xmlns:p14="http://schemas.microsoft.com/office/powerpoint/2010/main" val="162987341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890842A-EF2C-1EC5-4B27-E467AE39765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lvl="1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 Adaptation of </a:t>
            </a:r>
            <a:r>
              <a:rPr lang="en-US" sz="2400" b="1" dirty="0">
                <a:latin typeface="Arial"/>
                <a:cs typeface="Arial"/>
              </a:rPr>
              <a:t>Clean Code </a:t>
            </a:r>
            <a:r>
              <a:rPr lang="en-US" sz="2400" dirty="0">
                <a:latin typeface="Arial"/>
                <a:cs typeface="Arial"/>
              </a:rPr>
              <a:t>principles for ABAP</a:t>
            </a:r>
          </a:p>
          <a:p>
            <a:pPr lvl="1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 Readable, testable and maintainable code</a:t>
            </a:r>
          </a:p>
          <a:p>
            <a:pPr lvl="1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 Optimized for the reader:</a:t>
            </a:r>
          </a:p>
          <a:p>
            <a:pPr marL="521711" lvl="2" indent="-342900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We spend more time reading than writing code</a:t>
            </a:r>
          </a:p>
          <a:p>
            <a:pPr marL="521711" lvl="2" indent="-342900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We read own custom code + SAP code </a:t>
            </a:r>
          </a:p>
          <a:p>
            <a:pPr lvl="1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 ABAP has evolved over a long time with backward-compatibility in mind</a:t>
            </a:r>
          </a:p>
          <a:p>
            <a:pPr marL="521711" lvl="2" indent="-342900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Legacy code vs. new code</a:t>
            </a:r>
            <a:endParaRPr lang="en-US" sz="2800" dirty="0">
              <a:latin typeface="Arial"/>
              <a:cs typeface="Arial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DE" sz="200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4953353-8EAE-3F26-61D7-1C8C69A4AC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y Clean ABAP?</a:t>
            </a:r>
            <a:endParaRPr lang="en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2E78250-8236-6715-B9A3-5BCD4416645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447818" y="1071359"/>
            <a:ext cx="2715533" cy="34282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481439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hlinkClick r:id="rId2"/>
            <a:extLst>
              <a:ext uri="{FF2B5EF4-FFF2-40B4-BE49-F238E27FC236}">
                <a16:creationId xmlns:a16="http://schemas.microsoft.com/office/drawing/2014/main" id="{0B117F60-5B1C-81D8-F1A1-3E3AF4637B8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38998" y="2477921"/>
            <a:ext cx="4227889" cy="381596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1A0FEB70-C910-5796-7F9C-8A8164D261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rgbClr val="2FA5F5"/>
                </a:solidFill>
              </a:rPr>
              <a:t>More</a:t>
            </a:r>
            <a:r>
              <a:rPr lang="en-US" dirty="0"/>
              <a:t> on how to install, use and configure ABAP cleaner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295AE7D-387A-7196-D618-462023263EE6}"/>
              </a:ext>
            </a:extLst>
          </p:cNvPr>
          <p:cNvSpPr txBox="1"/>
          <p:nvPr/>
        </p:nvSpPr>
        <p:spPr>
          <a:xfrm>
            <a:off x="504001" y="1475508"/>
            <a:ext cx="635424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or &gt; 60 minutes demo on how to install, use and configure ABAP cleaner, watch the 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solidFill>
                  <a:srgbClr val="2FA5F5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vtoberfest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ession on YouTube:</a:t>
            </a:r>
            <a:endParaRPr kumimoji="0" lang="en-DE" sz="1800" b="0" i="0" u="none" strike="noStrike" kern="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" name="Picture 3" descr="Devtoberfest title slide">
            <a:hlinkClick r:id="rId4"/>
            <a:extLst>
              <a:ext uri="{FF2B5EF4-FFF2-40B4-BE49-F238E27FC236}">
                <a16:creationId xmlns:a16="http://schemas.microsoft.com/office/drawing/2014/main" id="{1630DC15-1E46-9169-38AD-909615571E9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04000" y="2458560"/>
            <a:ext cx="6354247" cy="3582022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ED30A28D-766B-2F2E-F8DB-9CB21ADADE45}"/>
              </a:ext>
            </a:extLst>
          </p:cNvPr>
          <p:cNvSpPr txBox="1"/>
          <p:nvPr/>
        </p:nvSpPr>
        <p:spPr>
          <a:xfrm>
            <a:off x="7238999" y="1475509"/>
            <a:ext cx="4451477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nd of course you can find everything on the 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solidFill>
                  <a:srgbClr val="2FA5F5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BAP cleaner repository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2FA5F5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t 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  <a:hlinkClick r:id="rId2"/>
              </a:rPr>
              <a:t>https://github.com/SAP/abap-cleaner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endParaRPr kumimoji="0" lang="en-DE" sz="1800" b="0" i="0" u="none" strike="noStrike" kern="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602296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3869BB-EA14-36A9-E1BE-FE812467149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000" dirty="0"/>
              <a:t>How will ABAP cleaner </a:t>
            </a:r>
            <a:r>
              <a:rPr lang="en-US" sz="4000" dirty="0">
                <a:solidFill>
                  <a:srgbClr val="F0AB00"/>
                </a:solidFill>
              </a:rPr>
              <a:t>evolve</a:t>
            </a:r>
            <a:r>
              <a:rPr lang="en-US" sz="4000" dirty="0"/>
              <a:t>?</a:t>
            </a:r>
            <a:endParaRPr lang="en-DE" sz="4000" dirty="0"/>
          </a:p>
        </p:txBody>
      </p:sp>
    </p:spTree>
    <p:extLst>
      <p:ext uri="{BB962C8B-B14F-4D97-AF65-F5344CB8AC3E}">
        <p14:creationId xmlns:p14="http://schemas.microsoft.com/office/powerpoint/2010/main" val="116452543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Picture 21">
            <a:extLst>
              <a:ext uri="{FF2B5EF4-FFF2-40B4-BE49-F238E27FC236}">
                <a16:creationId xmlns:a16="http://schemas.microsoft.com/office/drawing/2014/main" id="{FDC8C270-D8A0-30D5-7C22-9F5C0F732A2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5133" y="1546625"/>
            <a:ext cx="8021828" cy="4950741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34C55C1-3E74-CA39-1DD1-80A570A2DE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rgbClr val="2FA5F5"/>
                </a:solidFill>
              </a:rPr>
              <a:t>Community</a:t>
            </a:r>
            <a:r>
              <a:rPr lang="en-US" dirty="0"/>
              <a:t> engagement</a:t>
            </a:r>
            <a:endParaRPr lang="en-DE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22C0DD7-5B6A-2158-BFBC-CB9D86D5AA89}"/>
              </a:ext>
            </a:extLst>
          </p:cNvPr>
          <p:cNvSpPr txBox="1"/>
          <p:nvPr/>
        </p:nvSpPr>
        <p:spPr>
          <a:xfrm>
            <a:off x="8975557" y="1949772"/>
            <a:ext cx="2594485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marR="0" lvl="0" indent="-28575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112 issues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n InnerSource repository (now closed) </a:t>
            </a:r>
          </a:p>
          <a:p>
            <a:pPr marL="285750" marR="0" lvl="0" indent="-28575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68 issues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n Open Source repository in first year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F5404924-15F9-4B0E-54D4-C126C9F01012}"/>
              </a:ext>
            </a:extLst>
          </p:cNvPr>
          <p:cNvSpPr txBox="1"/>
          <p:nvPr/>
        </p:nvSpPr>
        <p:spPr>
          <a:xfrm>
            <a:off x="585361" y="3866781"/>
            <a:ext cx="82523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ner Source</a:t>
            </a:r>
            <a:endParaRPr kumimoji="0" lang="en-DE" sz="1600" b="1" i="0" u="none" strike="noStrike" kern="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Arrow: Down 15" descr="arrow pointing to December, 2021">
            <a:extLst>
              <a:ext uri="{FF2B5EF4-FFF2-40B4-BE49-F238E27FC236}">
                <a16:creationId xmlns:a16="http://schemas.microsoft.com/office/drawing/2014/main" id="{1F6FB15A-205A-43B9-3326-9E8CF1F3F94D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/>
          <p:nvPr/>
        </p:nvSpPr>
        <p:spPr bwMode="gray">
          <a:xfrm>
            <a:off x="869221" y="4434484"/>
            <a:ext cx="257512" cy="626474"/>
          </a:xfrm>
          <a:prstGeom prst="downArrow">
            <a:avLst/>
          </a:prstGeom>
          <a:solidFill>
            <a:srgbClr val="89D1FF"/>
          </a:solidFill>
          <a:ln>
            <a:solidFill>
              <a:srgbClr val="1B90FF"/>
            </a:solidFill>
            <a:headEnd/>
            <a:tailEnd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2131F3F6-154A-A491-D177-80C6E2E93DD2}"/>
              </a:ext>
            </a:extLst>
          </p:cNvPr>
          <p:cNvSpPr txBox="1"/>
          <p:nvPr/>
        </p:nvSpPr>
        <p:spPr>
          <a:xfrm>
            <a:off x="4702586" y="3117502"/>
            <a:ext cx="94857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pen Source</a:t>
            </a:r>
            <a:endParaRPr kumimoji="0" lang="en-DE" sz="1600" b="1" i="0" u="none" strike="noStrike" kern="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7" name="Arrow: Down 16" descr="Arrow pointing to April, 2023">
            <a:extLst>
              <a:ext uri="{FF2B5EF4-FFF2-40B4-BE49-F238E27FC236}">
                <a16:creationId xmlns:a16="http://schemas.microsoft.com/office/drawing/2014/main" id="{85F1C283-B7E9-952E-7D49-E12A4F555B25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/>
          <p:nvPr/>
        </p:nvSpPr>
        <p:spPr bwMode="gray">
          <a:xfrm>
            <a:off x="5048119" y="3683537"/>
            <a:ext cx="257512" cy="626474"/>
          </a:xfrm>
          <a:prstGeom prst="downArrow">
            <a:avLst/>
          </a:prstGeom>
          <a:solidFill>
            <a:srgbClr val="2FA5F5"/>
          </a:solidFill>
          <a:ln>
            <a:solidFill>
              <a:srgbClr val="0070C0"/>
            </a:solidFill>
            <a:headEnd/>
            <a:tailEnd/>
          </a:ln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BB97729-1914-FDF2-8DD0-ABEF8531EF78}"/>
              </a:ext>
            </a:extLst>
          </p:cNvPr>
          <p:cNvSpPr/>
          <p:nvPr/>
        </p:nvSpPr>
        <p:spPr bwMode="gray">
          <a:xfrm>
            <a:off x="8975559" y="4206065"/>
            <a:ext cx="2418346" cy="749969"/>
          </a:xfrm>
          <a:prstGeom prst="rect">
            <a:avLst/>
          </a:prstGeom>
          <a:solidFill>
            <a:srgbClr val="ED7D3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Orange (32%) = bugs, dumps, unexpected cleanup results, poor alignm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C36BF6B-6311-98D0-BA8D-82730723101D}"/>
              </a:ext>
            </a:extLst>
          </p:cNvPr>
          <p:cNvSpPr/>
          <p:nvPr/>
        </p:nvSpPr>
        <p:spPr bwMode="gray">
          <a:xfrm>
            <a:off x="8975559" y="3377794"/>
            <a:ext cx="2418346" cy="749969"/>
          </a:xfrm>
          <a:prstGeom prst="rect">
            <a:avLst/>
          </a:prstGeom>
          <a:solidFill>
            <a:srgbClr val="A5A5A5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Gray (24%) = no defect, duplicate, out of scope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39E79D5-21A1-52EF-1FB6-0A90CCB292D5}"/>
              </a:ext>
            </a:extLst>
          </p:cNvPr>
          <p:cNvSpPr/>
          <p:nvPr/>
        </p:nvSpPr>
        <p:spPr bwMode="gray">
          <a:xfrm>
            <a:off x="8975559" y="5034336"/>
            <a:ext cx="2418346" cy="749969"/>
          </a:xfrm>
          <a:prstGeom prst="rect">
            <a:avLst/>
          </a:prstGeom>
          <a:solidFill>
            <a:srgbClr val="4472C4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Blue (44%) = ideas for new cleanup rules, new options, new UI features etc.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91B3F7C6-2339-305A-19A7-E1DFA65F5E1C}"/>
              </a:ext>
            </a:extLst>
          </p:cNvPr>
          <p:cNvSpPr txBox="1"/>
          <p:nvPr/>
        </p:nvSpPr>
        <p:spPr>
          <a:xfrm>
            <a:off x="5858039" y="1787934"/>
            <a:ext cx="1759212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vtoberfest session</a:t>
            </a:r>
            <a:endParaRPr kumimoji="0" lang="en-DE" sz="1200" b="1" i="0" u="none" strike="noStrike" kern="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Arrow: Down 8" descr="arrow pointing to September, 2023">
            <a:extLst>
              <a:ext uri="{FF2B5EF4-FFF2-40B4-BE49-F238E27FC236}">
                <a16:creationId xmlns:a16="http://schemas.microsoft.com/office/drawing/2014/main" id="{C7FDB81E-3D8D-E5A7-A1B9-0282AE5E2C01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/>
          <p:nvPr/>
        </p:nvSpPr>
        <p:spPr bwMode="gray">
          <a:xfrm>
            <a:off x="6630903" y="2076050"/>
            <a:ext cx="213485" cy="519365"/>
          </a:xfrm>
          <a:prstGeom prst="downArrow">
            <a:avLst/>
          </a:prstGeom>
          <a:solidFill>
            <a:srgbClr val="2FA5F5"/>
          </a:solidFill>
          <a:ln>
            <a:solidFill>
              <a:srgbClr val="0070C0"/>
            </a:solidFill>
            <a:headEnd/>
            <a:tailEnd/>
          </a:ln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9B4F522-D28B-EC92-4387-C895A66A6C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627895" y="44703"/>
            <a:ext cx="1313383" cy="1313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547822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/>
      <p:bldP spid="13" grpId="0" animBg="1"/>
      <p:bldP spid="14" grpId="0" animBg="1"/>
      <p:bldP spid="12" grpId="0" animBg="1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F7F23F-612D-5BF0-6EFD-E21EC18F92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rgbClr val="F0AB00"/>
                </a:solidFill>
              </a:rPr>
              <a:t>Evolution</a:t>
            </a:r>
            <a:r>
              <a:rPr lang="en-US" dirty="0"/>
              <a:t> of ABAP cleaner</a:t>
            </a:r>
            <a:endParaRPr lang="en-DE" dirty="0"/>
          </a:p>
        </p:txBody>
      </p:sp>
      <p:sp>
        <p:nvSpPr>
          <p:cNvPr id="19" name="Text Placeholder 1">
            <a:extLst>
              <a:ext uri="{FF2B5EF4-FFF2-40B4-BE49-F238E27FC236}">
                <a16:creationId xmlns:a16="http://schemas.microsoft.com/office/drawing/2014/main" id="{D5D01040-17BC-9521-AA0C-BC0D1FC49F83}"/>
              </a:ext>
            </a:extLst>
          </p:cNvPr>
          <p:cNvSpPr txBox="1">
            <a:spLocks/>
          </p:cNvSpPr>
          <p:nvPr/>
        </p:nvSpPr>
        <p:spPr>
          <a:xfrm>
            <a:off x="5812585" y="1563059"/>
            <a:ext cx="5514939" cy="964069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Tx/>
              <a:buSzPct val="100000"/>
              <a:buFont typeface="Roboto" panose="02000000000000000000" pitchFamily="2" charset="0"/>
              <a:buChar char="​"/>
              <a:defRPr sz="2000" b="0" i="0" kern="120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1800" b="0" i="0" kern="120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80000"/>
              <a:buFont typeface="Courier New" panose="02070309020205020404" pitchFamily="49" charset="0"/>
              <a:buChar char="o"/>
              <a:defRPr sz="1600" b="0" i="0" kern="120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10000"/>
              </a:lnSpc>
              <a:buNone/>
            </a:pPr>
            <a:r>
              <a:rPr lang="en-US" sz="1800" dirty="0"/>
              <a:t>Once the project was InnerSource / Open Source, lots of </a:t>
            </a:r>
            <a:r>
              <a:rPr lang="en-US" sz="1800" b="1" dirty="0">
                <a:solidFill>
                  <a:srgbClr val="2FA5F5"/>
                </a:solidFill>
              </a:rPr>
              <a:t>new ideas</a:t>
            </a:r>
            <a:r>
              <a:rPr lang="en-US" sz="1800" b="1" dirty="0">
                <a:solidFill>
                  <a:schemeClr val="accent3"/>
                </a:solidFill>
              </a:rPr>
              <a:t> </a:t>
            </a:r>
            <a:r>
              <a:rPr lang="en-US" sz="1800" dirty="0"/>
              <a:t>for cleanup rules and other features were posted by the </a:t>
            </a:r>
            <a:r>
              <a:rPr lang="en-US" sz="1800" b="1" dirty="0">
                <a:solidFill>
                  <a:srgbClr val="2FA5F5"/>
                </a:solidFill>
              </a:rPr>
              <a:t>community</a:t>
            </a:r>
            <a:r>
              <a:rPr lang="en-US" sz="1800" dirty="0"/>
              <a:t>! 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6D912C1-643D-D737-6B66-509E1EACA05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00436" y="1165199"/>
            <a:ext cx="4837551" cy="2564491"/>
          </a:xfrm>
          <a:prstGeom prst="rect">
            <a:avLst/>
          </a:prstGeom>
        </p:spPr>
      </p:pic>
      <p:sp>
        <p:nvSpPr>
          <p:cNvPr id="13" name="Arrow: Down 12">
            <a:extLst>
              <a:ext uri="{FF2B5EF4-FFF2-40B4-BE49-F238E27FC236}">
                <a16:creationId xmlns:a16="http://schemas.microsoft.com/office/drawing/2014/main" id="{3AB5C35D-FBE4-671E-2140-837F6CA6396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gray">
          <a:xfrm>
            <a:off x="2139111" y="2064467"/>
            <a:ext cx="163285" cy="338428"/>
          </a:xfrm>
          <a:prstGeom prst="downArrow">
            <a:avLst/>
          </a:prstGeom>
          <a:solidFill>
            <a:srgbClr val="89D1FF"/>
          </a:solidFill>
          <a:ln>
            <a:solidFill>
              <a:srgbClr val="1B90FF"/>
            </a:solidFill>
            <a:headEnd/>
            <a:tailEnd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Arrow: Down 15">
            <a:extLst>
              <a:ext uri="{FF2B5EF4-FFF2-40B4-BE49-F238E27FC236}">
                <a16:creationId xmlns:a16="http://schemas.microsoft.com/office/drawing/2014/main" id="{D4C63B5D-8F0E-7D35-3891-127C26BAEC4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gray">
          <a:xfrm>
            <a:off x="3961370" y="1644389"/>
            <a:ext cx="163285" cy="338428"/>
          </a:xfrm>
          <a:prstGeom prst="downArrow">
            <a:avLst/>
          </a:prstGeom>
          <a:solidFill>
            <a:srgbClr val="2FA5F5"/>
          </a:solidFill>
          <a:ln>
            <a:solidFill>
              <a:srgbClr val="0070C0"/>
            </a:solidFill>
            <a:headEnd/>
            <a:tailEnd/>
          </a:ln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1A237508-2840-D78F-BCCF-8683B25FCBF5}"/>
              </a:ext>
            </a:extLst>
          </p:cNvPr>
          <p:cNvSpPr txBox="1"/>
          <p:nvPr/>
        </p:nvSpPr>
        <p:spPr>
          <a:xfrm>
            <a:off x="3742273" y="1313719"/>
            <a:ext cx="60147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0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pen Source</a:t>
            </a:r>
            <a:endParaRPr lang="en-DE" sz="1000" b="1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ight Brace 19">
            <a:extLst>
              <a:ext uri="{FF2B5EF4-FFF2-40B4-BE49-F238E27FC236}">
                <a16:creationId xmlns:a16="http://schemas.microsoft.com/office/drawing/2014/main" id="{5B3E5795-DE51-D75D-4675-6C4F365E05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5493644" y="1621496"/>
            <a:ext cx="163284" cy="847196"/>
          </a:xfrm>
          <a:prstGeom prst="rightBrace">
            <a:avLst/>
          </a:prstGeom>
          <a:ln w="38100">
            <a:solidFill>
              <a:srgbClr val="2FA5F5"/>
            </a:solidFill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AB54F05D-0463-ADDE-CD01-1FE88D596D77}"/>
              </a:ext>
            </a:extLst>
          </p:cNvPr>
          <p:cNvSpPr txBox="1"/>
          <p:nvPr/>
        </p:nvSpPr>
        <p:spPr>
          <a:xfrm>
            <a:off x="1969270" y="1713846"/>
            <a:ext cx="523267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0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ner Source</a:t>
            </a:r>
            <a:endParaRPr lang="en-DE" sz="1000" b="1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7" name="Picture 26">
            <a:extLst>
              <a:ext uri="{FF2B5EF4-FFF2-40B4-BE49-F238E27FC236}">
                <a16:creationId xmlns:a16="http://schemas.microsoft.com/office/drawing/2014/main" id="{74C04437-1373-F78F-32D1-906B4C3C0E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627895" y="44703"/>
            <a:ext cx="1313383" cy="131338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9E3BC611-7156-5991-82CA-B8007E79E48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00436" y="3992493"/>
            <a:ext cx="4837551" cy="2591733"/>
          </a:xfrm>
          <a:prstGeom prst="rect">
            <a:avLst/>
          </a:prstGeom>
        </p:spPr>
      </p:pic>
      <p:sp>
        <p:nvSpPr>
          <p:cNvPr id="10" name="Right Brace 9">
            <a:extLst>
              <a:ext uri="{FF2B5EF4-FFF2-40B4-BE49-F238E27FC236}">
                <a16:creationId xmlns:a16="http://schemas.microsoft.com/office/drawing/2014/main" id="{380AF214-DA6E-B255-0ECE-090BABBD369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5448324" y="4556119"/>
            <a:ext cx="163284" cy="645717"/>
          </a:xfrm>
          <a:prstGeom prst="rightBrace">
            <a:avLst/>
          </a:prstGeom>
          <a:ln w="38100">
            <a:solidFill>
              <a:srgbClr val="F0AB00"/>
            </a:solidFill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8D12BB8-1D06-5A67-1EAE-6C82A0136EB2}"/>
              </a:ext>
            </a:extLst>
          </p:cNvPr>
          <p:cNvSpPr txBox="1"/>
          <p:nvPr/>
        </p:nvSpPr>
        <p:spPr>
          <a:xfrm>
            <a:off x="5903488" y="5805744"/>
            <a:ext cx="5737089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ore users =&gt; more code styles * configuration variants </a:t>
            </a:r>
            <a:b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=&gt; more bugs found =&gt; more fixes + tests </a:t>
            </a:r>
            <a:b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=&gt; more 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solidFill>
                  <a:srgbClr val="00B05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bility</a:t>
            </a:r>
            <a:endParaRPr kumimoji="0" lang="en-DE" sz="1800" b="1" i="0" u="none" strike="noStrike" kern="0" cap="none" spc="0" normalizeH="0" baseline="0" noProof="0" dirty="0" err="1">
              <a:ln>
                <a:noFill/>
              </a:ln>
              <a:solidFill>
                <a:srgbClr val="00B050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2" name="Text Placeholder 1">
            <a:extLst>
              <a:ext uri="{FF2B5EF4-FFF2-40B4-BE49-F238E27FC236}">
                <a16:creationId xmlns:a16="http://schemas.microsoft.com/office/drawing/2014/main" id="{FFFE12A1-7201-8B3A-F249-85B467621352}"/>
              </a:ext>
            </a:extLst>
          </p:cNvPr>
          <p:cNvSpPr txBox="1">
            <a:spLocks/>
          </p:cNvSpPr>
          <p:nvPr/>
        </p:nvSpPr>
        <p:spPr>
          <a:xfrm>
            <a:off x="5812585" y="4521852"/>
            <a:ext cx="5680228" cy="645717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Tx/>
              <a:buSzPct val="100000"/>
              <a:buFont typeface="Roboto" panose="02000000000000000000" pitchFamily="2" charset="0"/>
              <a:buChar char="​"/>
              <a:defRPr sz="2000" b="0" i="0" kern="120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1800" b="0" i="0" kern="120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80000"/>
              <a:buFont typeface="Courier New" panose="02070309020205020404" pitchFamily="49" charset="0"/>
              <a:buChar char="o"/>
              <a:defRPr sz="1600" b="0" i="0" kern="120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 defTabSz="1088776" fontAlgn="base"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None/>
              <a:defRPr/>
            </a:pPr>
            <a:r>
              <a:rPr lang="en-US" sz="18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More users =&gt; more diverse code styles </a:t>
            </a:r>
            <a:br>
              <a:rPr lang="en-US" sz="18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</a:br>
            <a:r>
              <a:rPr lang="en-US" sz="18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=&gt; more need for </a:t>
            </a:r>
            <a:r>
              <a:rPr lang="en-US" sz="1800" b="1" kern="0" dirty="0">
                <a:solidFill>
                  <a:srgbClr val="F0AB00"/>
                </a:solidFill>
                <a:ea typeface="Arial Unicode MS" pitchFamily="34" charset="-128"/>
                <a:cs typeface="Arial Unicode MS" pitchFamily="34" charset="-128"/>
              </a:rPr>
              <a:t>configuration</a:t>
            </a:r>
            <a:endParaRPr lang="en-DE" sz="1800" b="1" kern="0" dirty="0" err="1">
              <a:solidFill>
                <a:srgbClr val="F0AB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6992314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0" grpId="0" animBg="1"/>
      <p:bldP spid="10" grpId="0" animBg="1"/>
    </p:bld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A670A6D-AB2B-C190-5234-7AF7A479E2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70000" lnSpcReduction="20000"/>
          </a:bodyPr>
          <a:lstStyle/>
          <a:p>
            <a:pPr>
              <a:spcBef>
                <a:spcPts val="1200"/>
              </a:spcBef>
            </a:pPr>
            <a:r>
              <a:rPr lang="en-US" b="1" dirty="0"/>
              <a:t>For sure: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/>
              <a:t>New </a:t>
            </a:r>
            <a:r>
              <a:rPr lang="en-US" b="1" dirty="0">
                <a:solidFill>
                  <a:srgbClr val="2FA5F5"/>
                </a:solidFill>
              </a:rPr>
              <a:t>cleanup rules </a:t>
            </a:r>
            <a:r>
              <a:rPr lang="en-US" dirty="0"/>
              <a:t>and </a:t>
            </a:r>
            <a:r>
              <a:rPr lang="en-US" b="1" dirty="0">
                <a:solidFill>
                  <a:srgbClr val="2FA5F5"/>
                </a:solidFill>
              </a:rPr>
              <a:t>configuration</a:t>
            </a:r>
            <a:r>
              <a:rPr lang="en-US" b="1" dirty="0">
                <a:solidFill>
                  <a:schemeClr val="accent3"/>
                </a:solidFill>
              </a:rPr>
              <a:t> </a:t>
            </a:r>
            <a:r>
              <a:rPr lang="en-US" dirty="0"/>
              <a:t>options – already lots of great ideas + discussions on the repo 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/>
              <a:t>New </a:t>
            </a:r>
            <a:r>
              <a:rPr lang="en-US" b="1" dirty="0">
                <a:solidFill>
                  <a:srgbClr val="2FA5F5"/>
                </a:solidFill>
              </a:rPr>
              <a:t>UI features </a:t>
            </a:r>
            <a:r>
              <a:rPr lang="en-US" dirty="0"/>
              <a:t>as needed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b="1" dirty="0">
                <a:solidFill>
                  <a:srgbClr val="2FA5F5"/>
                </a:solidFill>
              </a:rPr>
              <a:t>Bugfixes</a:t>
            </a:r>
            <a:r>
              <a:rPr lang="en-US" b="1" dirty="0">
                <a:solidFill>
                  <a:schemeClr val="accent3"/>
                </a:solidFill>
              </a:rPr>
              <a:t> </a:t>
            </a:r>
            <a:r>
              <a:rPr lang="en-US" dirty="0"/>
              <a:t>and adjustments to the evolving ABAP language as needed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/>
              <a:t>Keep </a:t>
            </a:r>
            <a:r>
              <a:rPr lang="en-US" b="1" dirty="0">
                <a:solidFill>
                  <a:srgbClr val="2FA5F5"/>
                </a:solidFill>
              </a:rPr>
              <a:t>test coverage </a:t>
            </a:r>
            <a:r>
              <a:rPr lang="en-US" dirty="0"/>
              <a:t>up at approx. 90% – crucial to avoid regression </a:t>
            </a:r>
          </a:p>
          <a:p>
            <a:pPr>
              <a:spcBef>
                <a:spcPts val="1200"/>
              </a:spcBef>
              <a:buNone/>
            </a:pPr>
            <a:endParaRPr lang="en-US" dirty="0"/>
          </a:p>
          <a:p>
            <a:pPr>
              <a:spcBef>
                <a:spcPts val="1200"/>
              </a:spcBef>
              <a:buNone/>
            </a:pPr>
            <a:r>
              <a:rPr lang="en-US" b="1" dirty="0"/>
              <a:t>Possibly: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/>
              <a:t>Support for newer ABAP language constructs such as </a:t>
            </a:r>
            <a:r>
              <a:rPr lang="en-US" b="1" dirty="0">
                <a:solidFill>
                  <a:srgbClr val="2FA5F5"/>
                </a:solidFill>
              </a:rPr>
              <a:t>EML</a:t>
            </a:r>
            <a:r>
              <a:rPr lang="en-US" b="1" dirty="0">
                <a:solidFill>
                  <a:schemeClr val="accent3"/>
                </a:solidFill>
              </a:rPr>
              <a:t> </a:t>
            </a:r>
            <a:r>
              <a:rPr lang="en-US" dirty="0"/>
              <a:t>(Entity Manipulation Language)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/>
              <a:t>Support for </a:t>
            </a:r>
            <a:r>
              <a:rPr lang="en-US" b="1" dirty="0">
                <a:solidFill>
                  <a:srgbClr val="2FA5F5"/>
                </a:solidFill>
              </a:rPr>
              <a:t>SQL Script / AMDP </a:t>
            </a:r>
            <a:r>
              <a:rPr lang="en-US" dirty="0"/>
              <a:t>(ABAP-Managed Database Procedures) </a:t>
            </a:r>
          </a:p>
          <a:p>
            <a:pPr>
              <a:spcBef>
                <a:spcPts val="1200"/>
              </a:spcBef>
              <a:buNone/>
            </a:pPr>
            <a:endParaRPr lang="en-US" dirty="0"/>
          </a:p>
          <a:p>
            <a:pPr>
              <a:spcBef>
                <a:spcPts val="1200"/>
              </a:spcBef>
            </a:pPr>
            <a:r>
              <a:rPr lang="en-US" b="1" dirty="0"/>
              <a:t>Out of scope: 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/>
              <a:t>Using </a:t>
            </a:r>
            <a:r>
              <a:rPr lang="en-US" b="1" dirty="0">
                <a:solidFill>
                  <a:schemeClr val="accent1"/>
                </a:solidFill>
              </a:rPr>
              <a:t>backend calls </a:t>
            </a:r>
            <a:r>
              <a:rPr lang="en-US" dirty="0"/>
              <a:t>to get signatures, DDIC information etc. =&gt; keep ABAP cleaner running local and fast 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/>
              <a:t>Support for </a:t>
            </a:r>
            <a:r>
              <a:rPr lang="en-US" b="1" dirty="0">
                <a:solidFill>
                  <a:schemeClr val="accent1"/>
                </a:solidFill>
              </a:rPr>
              <a:t>other languages </a:t>
            </a:r>
            <a:r>
              <a:rPr lang="en-US" dirty="0"/>
              <a:t>(e. g. CDS View Definitions) 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b="1" dirty="0">
                <a:solidFill>
                  <a:schemeClr val="accent1"/>
                </a:solidFill>
              </a:rPr>
              <a:t>SAP GUI </a:t>
            </a:r>
            <a:r>
              <a:rPr lang="en-US" dirty="0"/>
              <a:t>integration =&gt; time to switch to ADT ;-) 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b="1" dirty="0">
                <a:solidFill>
                  <a:schemeClr val="accent1"/>
                </a:solidFill>
              </a:rPr>
              <a:t>Embedding AI </a:t>
            </a:r>
            <a:r>
              <a:rPr lang="en-US" dirty="0"/>
              <a:t>– ABAP cleaner automation is deterministic =&gt; no hallucinations, review must NOT be necessary 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69FB28B-5B8C-2493-395D-DE7FEBE533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will ABAP cleaner </a:t>
            </a:r>
            <a:r>
              <a:rPr lang="en-US" dirty="0">
                <a:solidFill>
                  <a:srgbClr val="F0AB00"/>
                </a:solidFill>
              </a:rPr>
              <a:t>evolve</a:t>
            </a:r>
            <a:r>
              <a:rPr lang="en-US" dirty="0"/>
              <a:t>?</a:t>
            </a:r>
            <a:endParaRPr lang="en-DE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D6FEE6E-93D5-803C-3DFE-C6D0EEB147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627895" y="44703"/>
            <a:ext cx="1313383" cy="1313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53123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CBD835-5856-74D6-9A15-A79995F658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62945" y="504000"/>
            <a:ext cx="6827532" cy="369332"/>
          </a:xfrm>
        </p:spPr>
        <p:txBody>
          <a:bodyPr/>
          <a:lstStyle/>
          <a:p>
            <a:r>
              <a:rPr lang="en-US" dirty="0"/>
              <a:t>How to </a:t>
            </a:r>
            <a:r>
              <a:rPr lang="en-US" dirty="0">
                <a:solidFill>
                  <a:srgbClr val="F0AB00"/>
                </a:solidFill>
              </a:rPr>
              <a:t>contribute</a:t>
            </a:r>
            <a:endParaRPr lang="en-DE" dirty="0">
              <a:solidFill>
                <a:srgbClr val="F0AB00"/>
              </a:solidFill>
            </a:endParaRPr>
          </a:p>
        </p:txBody>
      </p:sp>
      <p:pic>
        <p:nvPicPr>
          <p:cNvPr id="11" name="Picture 10" descr="three developers looking at computer screen">
            <a:extLst>
              <a:ext uri="{FF2B5EF4-FFF2-40B4-BE49-F238E27FC236}">
                <a16:creationId xmlns:a16="http://schemas.microsoft.com/office/drawing/2014/main" id="{763CCC7E-0C33-9D33-22A4-73B992F6F17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4671353" cy="6858000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647D9F5-6104-8B8D-105B-C1C28AD4B6F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862945" y="1557337"/>
            <a:ext cx="6825182" cy="5065135"/>
          </a:xfrm>
        </p:spPr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f you like ABAP cleaner: </a:t>
            </a:r>
            <a:r>
              <a:rPr lang="en-US" b="1" dirty="0">
                <a:solidFill>
                  <a:srgbClr val="2FA5F5"/>
                </a:solidFill>
              </a:rPr>
              <a:t>spread the wor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Report </a:t>
            </a:r>
            <a:r>
              <a:rPr lang="en-US" b="1" dirty="0">
                <a:solidFill>
                  <a:srgbClr val="2FA5F5"/>
                </a:solidFill>
              </a:rPr>
              <a:t>bugs</a:t>
            </a:r>
            <a:r>
              <a:rPr lang="en-US" b="1" dirty="0">
                <a:solidFill>
                  <a:schemeClr val="tx2"/>
                </a:solidFill>
              </a:rPr>
              <a:t> </a:t>
            </a:r>
          </a:p>
          <a:p>
            <a:pPr marL="522864" lvl="1" indent="-342900"/>
            <a:r>
              <a:rPr lang="en-US" dirty="0"/>
              <a:t>Open an issue on the GitHub repository </a:t>
            </a:r>
          </a:p>
          <a:p>
            <a:pPr marL="522864" lvl="1" indent="-342900"/>
            <a:r>
              <a:rPr lang="en-US" dirty="0"/>
              <a:t>With a minimal example, show actual vs. expected result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ell us about your </a:t>
            </a:r>
            <a:r>
              <a:rPr lang="en-US" b="1" dirty="0">
                <a:solidFill>
                  <a:srgbClr val="2FA5F5"/>
                </a:solidFill>
              </a:rPr>
              <a:t>ideas</a:t>
            </a:r>
            <a:r>
              <a:rPr lang="en-US" b="1" dirty="0">
                <a:solidFill>
                  <a:schemeClr val="tx2"/>
                </a:solidFill>
              </a:rPr>
              <a:t> </a:t>
            </a:r>
          </a:p>
          <a:p>
            <a:pPr marL="522864" lvl="1" indent="-342900"/>
            <a:r>
              <a:rPr lang="en-US" dirty="0"/>
              <a:t>What else could be automated? What config is needed? </a:t>
            </a:r>
          </a:p>
          <a:p>
            <a:pPr marL="522864" lvl="1" indent="-342900"/>
            <a:r>
              <a:rPr lang="en-US" dirty="0"/>
              <a:t>What UI features are missing?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ntribute to </a:t>
            </a:r>
            <a:r>
              <a:rPr lang="en-US" b="1" dirty="0">
                <a:solidFill>
                  <a:srgbClr val="2FA5F5"/>
                </a:solidFill>
              </a:rPr>
              <a:t>development</a:t>
            </a:r>
            <a:r>
              <a:rPr lang="en-US" b="1" dirty="0">
                <a:solidFill>
                  <a:schemeClr val="tx2"/>
                </a:solidFill>
              </a:rPr>
              <a:t>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With just </a:t>
            </a:r>
            <a:r>
              <a:rPr lang="en-US" b="1" dirty="0">
                <a:solidFill>
                  <a:srgbClr val="2FA5F5"/>
                </a:solidFill>
              </a:rPr>
              <a:t>one click</a:t>
            </a:r>
            <a:r>
              <a:rPr lang="en-US" dirty="0"/>
              <a:t>: give it a star </a:t>
            </a:r>
          </a:p>
          <a:p>
            <a:pPr marL="522864" lvl="1" indent="-342900"/>
            <a:r>
              <a:rPr lang="en-US" dirty="0"/>
              <a:t>=&gt; Only your feedback shows us if it’s worth the effort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DE" b="1" dirty="0">
              <a:solidFill>
                <a:schemeClr val="tx2"/>
              </a:solidFill>
            </a:endParaRPr>
          </a:p>
        </p:txBody>
      </p:sp>
      <p:pic>
        <p:nvPicPr>
          <p:cNvPr id="7" name="Picture 6" descr="GitHub New issue button">
            <a:hlinkClick r:id="rId3"/>
            <a:extLst>
              <a:ext uri="{FF2B5EF4-FFF2-40B4-BE49-F238E27FC236}">
                <a16:creationId xmlns:a16="http://schemas.microsoft.com/office/drawing/2014/main" id="{79238D75-1231-6F53-C280-BD6D09B510C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730356" y="2062840"/>
            <a:ext cx="899238" cy="365792"/>
          </a:xfrm>
          <a:prstGeom prst="rect">
            <a:avLst/>
          </a:prstGeom>
        </p:spPr>
      </p:pic>
      <p:pic>
        <p:nvPicPr>
          <p:cNvPr id="9" name="Picture 8" descr="GitHub New issue button">
            <a:hlinkClick r:id="rId3"/>
            <a:extLst>
              <a:ext uri="{FF2B5EF4-FFF2-40B4-BE49-F238E27FC236}">
                <a16:creationId xmlns:a16="http://schemas.microsoft.com/office/drawing/2014/main" id="{00381EC8-4E73-5F34-B0EC-0622274608E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13200" y="3294595"/>
            <a:ext cx="899238" cy="365792"/>
          </a:xfrm>
          <a:prstGeom prst="rect">
            <a:avLst/>
          </a:prstGeom>
        </p:spPr>
      </p:pic>
      <p:pic>
        <p:nvPicPr>
          <p:cNvPr id="6" name="Picture 5">
            <a:hlinkClick r:id="rId5"/>
            <a:extLst>
              <a:ext uri="{FF2B5EF4-FFF2-40B4-BE49-F238E27FC236}">
                <a16:creationId xmlns:a16="http://schemas.microsoft.com/office/drawing/2014/main" id="{88C724B3-7BF9-D79B-416F-10D08459BCC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912438" y="5053044"/>
            <a:ext cx="1744545" cy="3446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790941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455A5AE-A4D4-5778-6553-69AA2007194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ources</a:t>
            </a:r>
            <a:endParaRPr lang="en-DE" dirty="0"/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5389130B-4611-1F52-3732-097068C1193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defTabSz="931863" fontAlgn="base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SzPct val="90000"/>
              <a:buNone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srgbClr val="2FA5F5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ABAP cleaner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:</a:t>
            </a:r>
          </a:p>
          <a:p>
            <a:pPr marL="285750" marR="0" lvl="0" indent="-28575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Open Source repository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: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2"/>
              </a:rPr>
              <a:t>https://github.com/SAP/abap-cleaner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with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3"/>
              </a:rPr>
              <a:t>Installation Instruction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,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4"/>
              </a:rPr>
              <a:t>Documentation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,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5"/>
              </a:rPr>
              <a:t>Release Note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, list of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6"/>
              </a:rPr>
              <a:t>Available Cleanup Rule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,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7"/>
              </a:rPr>
              <a:t>Issue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etc</a:t>
            </a:r>
            <a:r>
              <a:rPr lang="en-US" sz="1800" dirty="0"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latin typeface="72" panose="020B0503030000000003" pitchFamily="34" charset="0"/>
                <a:cs typeface="72" panose="020B0503030000000003" pitchFamily="34" charset="0"/>
              </a:rPr>
              <a:t>.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gradFill>
                <a:gsLst>
                  <a:gs pos="0">
                    <a:srgbClr val="000000"/>
                  </a:gs>
                  <a:gs pos="100000">
                    <a:srgbClr val="000000"/>
                  </a:gs>
                </a:gsLst>
              </a:gradFill>
              <a:effectLst/>
              <a:uLnTx/>
              <a:uFillTx/>
              <a:latin typeface="72" panose="020B0503030000000003" pitchFamily="34" charset="0"/>
              <a:ea typeface="+mn-ea"/>
              <a:cs typeface="72" panose="020B0503030000000003" pitchFamily="34" charset="0"/>
            </a:endParaRPr>
          </a:p>
          <a:p>
            <a:pPr marL="285750" marR="0" lvl="0" indent="-28575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Updatesite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for Eclipse plug-in: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8"/>
              </a:rPr>
              <a:t>https://sap.github.io/abap-cleaner/updatesit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</a:t>
            </a:r>
          </a:p>
          <a:p>
            <a:pPr marL="285750" marR="0" lvl="0" indent="-28575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Arial" panose="020B0604020202020204" pitchFamily="34" charset="0"/>
              <a:buChar char="•"/>
              <a:tabLst/>
              <a:defRPr/>
            </a:pPr>
            <a:r>
              <a:rPr lang="en-US" sz="1800" b="1" dirty="0"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latin typeface="72" panose="020B0503030000000003" pitchFamily="34" charset="0"/>
                <a:cs typeface="72" panose="020B0503030000000003" pitchFamily="34" charset="0"/>
              </a:rPr>
              <a:t>Demo</a:t>
            </a:r>
            <a:r>
              <a:rPr lang="en-US" sz="1800" dirty="0"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latin typeface="72" panose="020B0503030000000003" pitchFamily="34" charset="0"/>
                <a:cs typeface="72" panose="020B0503030000000003" pitchFamily="34" charset="0"/>
              </a:rPr>
              <a:t>: </a:t>
            </a:r>
            <a:r>
              <a:rPr lang="en-US" sz="1800" dirty="0"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latin typeface="72" panose="020B0503030000000003" pitchFamily="34" charset="0"/>
                <a:cs typeface="72" panose="020B0503030000000003" pitchFamily="34" charset="0"/>
                <a:hlinkClick r:id="rId9"/>
              </a:rPr>
              <a:t>Devtoberfest session</a:t>
            </a:r>
            <a:r>
              <a:rPr lang="en-US" sz="1800" dirty="0"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latin typeface="72" panose="020B0503030000000003" pitchFamily="34" charset="0"/>
                <a:cs typeface="72" panose="020B0503030000000003" pitchFamily="34" charset="0"/>
              </a:rPr>
              <a:t> on YouTube showing in depth how to install, use and configure ABAP cleaner</a:t>
            </a:r>
          </a:p>
          <a:p>
            <a:pPr marL="285750" marR="0" lvl="0" indent="-28575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Webinar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on the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0"/>
              </a:rPr>
              <a:t>Open Source journey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of ABAP cleaner, </a:t>
            </a:r>
            <a:r>
              <a:rPr lang="en-US" sz="1800" dirty="0"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latin typeface="72" panose="020B0503030000000003" pitchFamily="34" charset="0"/>
                <a:cs typeface="72" panose="020B0503030000000003" pitchFamily="34" charset="0"/>
              </a:rPr>
              <a:t>hosted by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Open Source Program Office (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1"/>
              </a:rPr>
              <a:t>slide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)</a:t>
            </a:r>
          </a:p>
          <a:p>
            <a:pPr marL="285750" marR="0" lvl="0" indent="-28575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Arial" panose="020B0604020202020204" pitchFamily="34" charset="0"/>
              <a:buChar char="•"/>
              <a:tabLst/>
              <a:defRPr/>
            </a:pPr>
            <a:r>
              <a:rPr lang="en-US" sz="1800" b="1" dirty="0"/>
              <a:t>Blog post</a:t>
            </a:r>
            <a:r>
              <a:rPr lang="en-US" sz="1800" dirty="0"/>
              <a:t>: </a:t>
            </a:r>
            <a:r>
              <a:rPr lang="en-US" sz="1800" dirty="0">
                <a:hlinkClick r:id="rId12"/>
              </a:rPr>
              <a:t>How to Clean Your ABAP Code with One Keystroke Using ABAP Cleaner (sap-press.com)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gradFill>
                <a:gsLst>
                  <a:gs pos="0">
                    <a:srgbClr val="000000"/>
                  </a:gs>
                  <a:gs pos="100000">
                    <a:srgbClr val="000000"/>
                  </a:gs>
                </a:gsLst>
              </a:gradFill>
              <a:effectLst/>
              <a:uLnTx/>
              <a:uFillTx/>
              <a:latin typeface="72" panose="020B0503030000000003" pitchFamily="34" charset="0"/>
              <a:ea typeface="+mn-ea"/>
              <a:cs typeface="72" panose="020B0503030000000003" pitchFamily="34" charset="0"/>
            </a:endParaRPr>
          </a:p>
          <a:p>
            <a:pPr marL="0" marR="0" lvl="0" indent="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Wingdings" panose="05000000000000000000" pitchFamily="2" charset="2"/>
              <a:buNone/>
              <a:tabLst/>
              <a:defRPr/>
            </a:pPr>
            <a:endParaRPr kumimoji="0" lang="en-US" sz="1800" b="1" i="0" u="none" strike="noStrike" kern="1200" cap="none" spc="0" normalizeH="0" baseline="0" noProof="0" dirty="0">
              <a:ln>
                <a:noFill/>
              </a:ln>
              <a:solidFill>
                <a:schemeClr val="accent3"/>
              </a:solidFill>
              <a:effectLst/>
              <a:uLnTx/>
              <a:uFillTx/>
              <a:latin typeface="72" panose="020B0503030000000003" pitchFamily="34" charset="0"/>
              <a:ea typeface="+mn-ea"/>
              <a:cs typeface="72" panose="020B0503030000000003" pitchFamily="34" charset="0"/>
            </a:endParaRPr>
          </a:p>
          <a:p>
            <a:pPr marL="0" marR="0" lvl="0" indent="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Wingdings" panose="05000000000000000000" pitchFamily="2" charset="2"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srgbClr val="2FA5F5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Related Open Source Projects on Clean ABAP</a:t>
            </a:r>
            <a:r>
              <a:rPr kumimoji="0" lang="en-US" sz="180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, see blog </a:t>
            </a:r>
            <a:r>
              <a:rPr kumimoji="0" lang="en-US" sz="180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3"/>
              </a:rPr>
              <a:t>ABAP Tools for Clean ABAP</a:t>
            </a:r>
            <a:r>
              <a:rPr kumimoji="0" lang="en-US" sz="180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:</a:t>
            </a:r>
          </a:p>
          <a:p>
            <a:pPr marL="342900" marR="0" lvl="0" indent="-34290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“Describe”: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4"/>
              </a:rPr>
              <a:t>Clean ABAP style guide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gradFill>
                <a:gsLst>
                  <a:gs pos="0">
                    <a:srgbClr val="000000"/>
                  </a:gs>
                  <a:gs pos="100000">
                    <a:srgbClr val="000000"/>
                  </a:gs>
                </a:gsLst>
              </a:gradFill>
              <a:effectLst/>
              <a:uLnTx/>
              <a:uFillTx/>
              <a:latin typeface="72" panose="020B0503030000000003" pitchFamily="34" charset="0"/>
              <a:ea typeface="+mn-ea"/>
              <a:cs typeface="72" panose="020B0503030000000003" pitchFamily="34" charset="0"/>
            </a:endParaRPr>
          </a:p>
          <a:p>
            <a:pPr marL="342900" marR="0" lvl="0" indent="-34290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“Check”: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24292F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5"/>
              </a:rPr>
              <a:t>Code pal for Cloud</a:t>
            </a:r>
            <a:r>
              <a:rPr lang="en-US" sz="1800" dirty="0">
                <a:solidFill>
                  <a:srgbClr val="24292F"/>
                </a:solidFill>
                <a:latin typeface="72" panose="020B0503030000000003" pitchFamily="34" charset="0"/>
                <a:cs typeface="72" panose="020B0503030000000003" pitchFamily="34" charset="0"/>
              </a:rPr>
              <a:t> (incl. Quick Fixes) +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</a:gra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6"/>
              </a:rPr>
              <a:t>Code pal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24292F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,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24292F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7"/>
              </a:rPr>
              <a:t>abaplint</a:t>
            </a:r>
            <a:r>
              <a:rPr lang="en-US" sz="1800" dirty="0">
                <a:solidFill>
                  <a:srgbClr val="24292F"/>
                </a:solidFill>
                <a:latin typeface="72" panose="020B0503030000000003" pitchFamily="34" charset="0"/>
                <a:cs typeface="72" panose="020B0503030000000003" pitchFamily="34" charset="0"/>
              </a:rPr>
              <a:t>,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24292F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24292F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8"/>
              </a:rPr>
              <a:t>abapOpenCheck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24292F"/>
              </a:solidFill>
              <a:effectLst/>
              <a:uLnTx/>
              <a:uFillTx/>
              <a:latin typeface="72" panose="020B0503030000000003" pitchFamily="34" charset="0"/>
              <a:ea typeface="+mn-ea"/>
              <a:cs typeface="72" panose="020B0503030000000003" pitchFamily="34" charset="0"/>
            </a:endParaRPr>
          </a:p>
          <a:p>
            <a:pPr marL="342900" marR="0" lvl="0" indent="-342900" algn="l" defTabSz="931863" rtl="0" eaLnBrk="1" fontAlgn="base" latinLnBrk="0" hangingPunct="1">
              <a:lnSpc>
                <a:spcPct val="110000"/>
              </a:lnSpc>
              <a:spcBef>
                <a:spcPct val="20000"/>
              </a:spcBef>
              <a:spcAft>
                <a:spcPct val="0"/>
              </a:spcAft>
              <a:buClrTx/>
              <a:buSzPct val="90000"/>
              <a:buFont typeface="Arial" panose="020B0604020202020204" pitchFamily="34" charset="0"/>
              <a:buChar char="•"/>
              <a:tabLst/>
              <a:defRPr/>
            </a:pPr>
            <a:r>
              <a:rPr lang="en-US" sz="1800" dirty="0">
                <a:solidFill>
                  <a:srgbClr val="24292F"/>
                </a:solidFill>
                <a:latin typeface="72" panose="020B0503030000000003" pitchFamily="34" charset="0"/>
                <a:cs typeface="72" panose="020B0503030000000003" pitchFamily="34" charset="0"/>
              </a:rPr>
              <a:t>“Automate”: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24292F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5"/>
              </a:rPr>
              <a:t>Code pal for Cloud Quick Fixe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24292F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</a:rPr>
              <a:t>,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24292F"/>
                </a:solidFill>
                <a:effectLst/>
                <a:uLnTx/>
                <a:uFillTx/>
                <a:latin typeface="72" panose="020B0503030000000003" pitchFamily="34" charset="0"/>
                <a:ea typeface="+mn-ea"/>
                <a:cs typeface="72" panose="020B0503030000000003" pitchFamily="34" charset="0"/>
                <a:hlinkClick r:id="rId17"/>
              </a:rPr>
              <a:t>abaplint</a:t>
            </a:r>
            <a:r>
              <a:rPr lang="en-US" sz="1800" dirty="0">
                <a:solidFill>
                  <a:srgbClr val="24292F"/>
                </a:solidFill>
                <a:latin typeface="72" panose="020B0503030000000003" pitchFamily="34" charset="0"/>
                <a:cs typeface="72" panose="020B0503030000000003" pitchFamily="34" charset="0"/>
              </a:rPr>
              <a:t>, </a:t>
            </a:r>
            <a:r>
              <a:rPr lang="en-US" sz="1800" dirty="0">
                <a:solidFill>
                  <a:srgbClr val="24292F"/>
                </a:solidFill>
                <a:latin typeface="72" panose="020B0503030000000003" pitchFamily="34" charset="0"/>
                <a:cs typeface="72" panose="020B0503030000000003" pitchFamily="34" charset="0"/>
                <a:hlinkClick r:id="rId19"/>
              </a:rPr>
              <a:t>ABAP Quick Fix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gradFill>
                <a:gsLst>
                  <a:gs pos="0">
                    <a:srgbClr val="000000"/>
                  </a:gs>
                  <a:gs pos="100000">
                    <a:srgbClr val="000000"/>
                  </a:gs>
                </a:gsLst>
              </a:gradFill>
              <a:effectLst/>
              <a:uLnTx/>
              <a:uFillTx/>
              <a:latin typeface="72" panose="020B0503030000000003" pitchFamily="34" charset="0"/>
              <a:ea typeface="+mn-ea"/>
              <a:cs typeface="72" panose="020B0503030000000003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04292111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8475" y="153987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3" name="Spaker name - Dynamic" descr="{&quot;templafy&quot;:{&quot;id&quot;:&quot;fb1cc083-568f-4de0-9aa7-c9e38ffb3070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</a:rPr>
              <a:t>Björn </a:t>
            </a:r>
            <a:r>
              <a:rPr lang="en-US" sz="1400" dirty="0" err="1">
                <a:solidFill>
                  <a:schemeClr val="tx1"/>
                </a:solidFill>
                <a:latin typeface="72 Brand" panose="020B0504030603020204" pitchFamily="34" charset="0"/>
              </a:rPr>
              <a:t>Jüliger</a:t>
            </a:r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  <p:sp>
        <p:nvSpPr>
          <p:cNvPr id="4" name="Spaker email - Dynamic" descr="{&quot;templafy&quot;:{&quot;id&quot;:&quot;c80d7098-67c6-456e-936a-0473fafab8ea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99248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  <a:hlinkClick r:id="rId5"/>
              </a:rPr>
              <a:t>bjoern.jueliger@sap.com</a:t>
            </a:r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</a:rPr>
              <a:t> </a:t>
            </a:r>
          </a:p>
        </p:txBody>
      </p:sp>
      <p:sp>
        <p:nvSpPr>
          <p:cNvPr id="2" name="Spaker name - Dynamic" descr="{&quot;templafy&quot;:{&quot;id&quot;:&quot;fb1cc083-568f-4de0-9aa7-c9e38ffb3070&quot;}}">
            <a:extLst>
              <a:ext uri="{FF2B5EF4-FFF2-40B4-BE49-F238E27FC236}">
                <a16:creationId xmlns:a16="http://schemas.microsoft.com/office/drawing/2014/main" id="{205836DC-0F26-D7E2-6DDF-D8876E56A453}"/>
              </a:ext>
            </a:extLst>
          </p:cNvPr>
          <p:cNvSpPr txBox="1"/>
          <p:nvPr/>
        </p:nvSpPr>
        <p:spPr>
          <a:xfrm>
            <a:off x="509716" y="4001060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</a:rPr>
              <a:t>Joerg-Michael Grassau</a:t>
            </a:r>
          </a:p>
        </p:txBody>
      </p:sp>
      <p:sp>
        <p:nvSpPr>
          <p:cNvPr id="5" name="Spaker email - Dynamic" descr="{&quot;templafy&quot;:{&quot;id&quot;:&quot;c80d7098-67c6-456e-936a-0473fafab8ea&quot;}}">
            <a:extLst>
              <a:ext uri="{FF2B5EF4-FFF2-40B4-BE49-F238E27FC236}">
                <a16:creationId xmlns:a16="http://schemas.microsoft.com/office/drawing/2014/main" id="{FA257CC3-2958-CB18-82DC-71CF46168341}"/>
              </a:ext>
            </a:extLst>
          </p:cNvPr>
          <p:cNvSpPr txBox="1"/>
          <p:nvPr/>
        </p:nvSpPr>
        <p:spPr>
          <a:xfrm>
            <a:off x="509716" y="4248592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  <a:hlinkClick r:id="rId6"/>
              </a:rPr>
              <a:t>abap-cleaner@sap.com</a:t>
            </a:r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</a:rPr>
              <a:t>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1FB8C0-746A-8AA6-42A1-74B57F04D5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You need another motivation?</a:t>
            </a:r>
            <a:endParaRPr lang="en-DE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491DA30A-6323-4FCC-A948-F9894228D9B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7843" y="1953389"/>
            <a:ext cx="11941836" cy="2455875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4840CF59-AA87-DE75-8D91-BE1313B9F162}"/>
              </a:ext>
            </a:extLst>
          </p:cNvPr>
          <p:cNvSpPr txBox="1"/>
          <p:nvPr/>
        </p:nvSpPr>
        <p:spPr>
          <a:xfrm>
            <a:off x="685798" y="5754757"/>
            <a:ext cx="1056529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* Disclaimer</a:t>
            </a: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: No productive code from SAP besides the class with 52623 lines of code </a:t>
            </a:r>
            <a:r>
              <a:rPr lang="en-US" sz="1800" kern="0" dirty="0">
                <a:ea typeface="Arial Unicode MS" pitchFamily="34" charset="-128"/>
                <a:cs typeface="Arial Unicode MS" pitchFamily="34" charset="-128"/>
                <a:sym typeface="Wingdings" panose="05000000000000000000" pitchFamily="2" charset="2"/>
              </a:rPr>
              <a:t></a:t>
            </a:r>
            <a:endParaRPr lang="en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1724887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/>
              <a:t>Agenda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585C9C2-218E-FE98-B3B0-E15CF5D21B9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675978" y="897267"/>
            <a:ext cx="9065933" cy="5534075"/>
          </a:xfrm>
          <a:prstGeom prst="rect">
            <a:avLst/>
          </a:prstGeom>
        </p:spPr>
      </p:pic>
    </p:spTree>
    <p:custDataLst>
      <p:custData r:id="rId1"/>
      <p:custData r:id="rId2"/>
    </p:custData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890842A-EF2C-1EC5-4B27-E467AE39765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lvl="1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Style guide:</a:t>
            </a:r>
          </a:p>
          <a:p>
            <a:pPr lvl="2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200" dirty="0">
                <a:latin typeface="Arial"/>
                <a:cs typeface="Arial"/>
                <a:hlinkClick r:id="rId2"/>
              </a:rPr>
              <a:t>https://github.com/SAP/styleguides/blob/main/clean-abap/CleanABAP.md</a:t>
            </a:r>
            <a:endParaRPr lang="en-US" sz="2400" dirty="0">
              <a:latin typeface="Arial"/>
              <a:cs typeface="Arial"/>
              <a:hlinkClick r:id="rId3"/>
            </a:endParaRPr>
          </a:p>
          <a:p>
            <a:pPr lvl="1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Introduction:</a:t>
            </a:r>
          </a:p>
          <a:p>
            <a:pPr lvl="2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200" dirty="0">
                <a:latin typeface="Arial"/>
                <a:cs typeface="Arial"/>
                <a:hlinkClick r:id="rId3"/>
              </a:rPr>
              <a:t>https://blogs.sap.com/2021/03/17/why-clean-abap-a-foundation-for-improvements</a:t>
            </a:r>
            <a:endParaRPr lang="en-US" sz="2400" dirty="0">
              <a:latin typeface="Arial"/>
              <a:cs typeface="Arial"/>
            </a:endParaRPr>
          </a:p>
          <a:p>
            <a:pPr lvl="1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400" dirty="0">
                <a:latin typeface="Arial"/>
                <a:cs typeface="Arial"/>
              </a:rPr>
              <a:t>You want to contribute to the Style guide?</a:t>
            </a:r>
          </a:p>
          <a:p>
            <a:pPr lvl="2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200" dirty="0">
                <a:latin typeface="Arial"/>
                <a:cs typeface="Arial"/>
                <a:hlinkClick r:id="rId4"/>
              </a:rPr>
              <a:t>https://github.com/SAP/styleguides/blob/main/CONTRIBUTING.md</a:t>
            </a:r>
            <a:endParaRPr lang="en-US" sz="2200" dirty="0">
              <a:latin typeface="Arial"/>
              <a:cs typeface="Arial"/>
            </a:endParaRPr>
          </a:p>
          <a:p>
            <a:pPr lvl="2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2200" dirty="0">
                <a:latin typeface="Arial"/>
                <a:cs typeface="Arial"/>
                <a:hlinkClick r:id="rId5"/>
              </a:rPr>
              <a:t>https://github.com/SAP/styleguides/blob/main/GOVERNANCE.md</a:t>
            </a:r>
            <a:endParaRPr lang="en-US" sz="2200" dirty="0">
              <a:latin typeface="Arial"/>
              <a:cs typeface="Arial"/>
            </a:endParaRPr>
          </a:p>
          <a:p>
            <a:pPr lvl="2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endParaRPr lang="en-US" sz="2200" dirty="0">
              <a:latin typeface="Arial"/>
              <a:cs typeface="Arial"/>
            </a:endParaRPr>
          </a:p>
          <a:p>
            <a:pPr lvl="1">
              <a:lnSpc>
                <a:spcPct val="150000"/>
              </a:lnSpc>
              <a:buClr>
                <a:srgbClr val="F0AB00"/>
              </a:buClr>
              <a:buFont typeface="Arial" panose="020B0604020202020204" pitchFamily="34" charset="0"/>
              <a:buChar char="•"/>
            </a:pPr>
            <a:endParaRPr lang="en-US" sz="2400" dirty="0">
              <a:latin typeface="Arial"/>
              <a:cs typeface="Arial"/>
            </a:endParaRPr>
          </a:p>
          <a:p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4953353-8EAE-3F26-61D7-1C8C69A4AC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ean ABAP Style guide  – Useful Links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9507631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6FE4019-B882-6A75-E487-FEF132CDE61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3999" y="1620000"/>
            <a:ext cx="11186477" cy="2047125"/>
          </a:xfrm>
        </p:spPr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/>
              <a:t>Set of ABAP test cockpit (ATC) checks to control the usage of Clean ABA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/>
              <a:t>Provided as Open Source via Github (managed by ATC Team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/>
              <a:t>Integrated via ATC in ABAP development tools (ADT)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76403F2-CA12-2C59-7117-EC3A2A0165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de pal for Clean ABAP</a:t>
            </a:r>
            <a:endParaRPr lang="en-DE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BAFC130-084F-E09D-ADA1-557A795456B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78426" y="3429000"/>
            <a:ext cx="4111572" cy="2969469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60734AF7-44C7-F21F-DC0B-208B8493B37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54648" y="3429000"/>
            <a:ext cx="5087345" cy="2969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963449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5797A1E-F9E2-59FA-2CD3-65F3C6FC0D3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b="1" u="sng" dirty="0"/>
              <a:t>Code pal (Classic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dirty="0">
                <a:hlinkClick r:id="rId2"/>
              </a:rPr>
              <a:t>https://github.com/SAP/code-pal-for-abap</a:t>
            </a:r>
            <a:endParaRPr lang="en-US" sz="20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>
                <a:hlinkClick r:id="rId3"/>
              </a:rPr>
              <a:t>https://blogs.sap.com/2022/05/05/how-to-enable-clean-code-checks-for-abap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vailable for on-premise: AS ABAP 7.40 SP08 (++), not remote-enabled </a:t>
            </a:r>
          </a:p>
          <a:p>
            <a:r>
              <a:rPr lang="en-US" b="1" u="sng" dirty="0"/>
              <a:t>NEW: Code pal (Cloud Edition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>
                <a:hlinkClick r:id="rId4"/>
              </a:rPr>
              <a:t>https://github.com/SAP/code-pal-for-abap-cloud/</a:t>
            </a:r>
            <a:r>
              <a:rPr lang="en-US" dirty="0"/>
              <a:t>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>
                <a:hlinkClick r:id="rId5"/>
              </a:rPr>
              <a:t>https://blogs.sap.com/2023/09/11/clean-code-checks-for-abap-cloud-edition</a:t>
            </a:r>
            <a:r>
              <a:rPr lang="en-US" dirty="0"/>
              <a:t>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vailable for Cloud + on-premise: AS ABAP 7.58 (2023), </a:t>
            </a:r>
            <a:r>
              <a:rPr lang="en-US" b="1" dirty="0"/>
              <a:t>remote-enable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ncluding </a:t>
            </a:r>
            <a:r>
              <a:rPr lang="en-US" b="1" dirty="0"/>
              <a:t>Quick fixes </a:t>
            </a:r>
            <a:r>
              <a:rPr lang="en-US" dirty="0"/>
              <a:t>to automate code adaptation (ADT-only)  </a:t>
            </a:r>
          </a:p>
          <a:p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DC80D2-EC05-A162-23AB-6E2C93074E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de pal for Clean ABAP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99695390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FC0CBB-B2E2-3CD6-B270-42F1B2DDEFA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CA" dirty="0"/>
              <a:t>Demo: Code pal for ABAP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91838763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1EFD6AC7-C294-6041-BE2C-C46605501EC3}"/>
              </a:ext>
            </a:extLst>
          </p:cNvPr>
          <p:cNvSpPr txBox="1"/>
          <p:nvPr/>
        </p:nvSpPr>
        <p:spPr>
          <a:xfrm>
            <a:off x="1403349" y="5307728"/>
            <a:ext cx="4845051" cy="30776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US" sz="2000" dirty="0">
                <a:latin typeface="72 Brand"/>
              </a:rPr>
              <a:t>How can you </a:t>
            </a:r>
            <a:r>
              <a:rPr lang="en-US" sz="2000" b="1" dirty="0">
                <a:solidFill>
                  <a:srgbClr val="F0AB00"/>
                </a:solidFill>
                <a:latin typeface="72 Brand"/>
              </a:rPr>
              <a:t>use</a:t>
            </a:r>
            <a:r>
              <a:rPr lang="en-US" sz="2000" dirty="0">
                <a:latin typeface="72 Brand"/>
              </a:rPr>
              <a:t> ABAP cleaner?</a:t>
            </a:r>
            <a:endParaRPr lang="en-US" dirty="0"/>
          </a:p>
        </p:txBody>
      </p:sp>
      <p:cxnSp>
        <p:nvCxnSpPr>
          <p:cNvPr id="17" name="Straight Connector 16" descr="Straight line">
            <a:extLst>
              <a:ext uri="{FF2B5EF4-FFF2-40B4-BE49-F238E27FC236}">
                <a16:creationId xmlns:a16="http://schemas.microsoft.com/office/drawing/2014/main" id="{347B782C-0BC8-4741-8B56-F925653AA91E}"/>
              </a:ext>
            </a:extLst>
          </p:cNvPr>
          <p:cNvCxnSpPr>
            <a:cxnSpLocks/>
          </p:cNvCxnSpPr>
          <p:nvPr/>
        </p:nvCxnSpPr>
        <p:spPr>
          <a:xfrm>
            <a:off x="488951" y="4966551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A1496345-2F8A-D948-9469-CCB5FC32DBEF}"/>
              </a:ext>
            </a:extLst>
          </p:cNvPr>
          <p:cNvSpPr txBox="1"/>
          <p:nvPr/>
        </p:nvSpPr>
        <p:spPr>
          <a:xfrm>
            <a:off x="1403349" y="4024724"/>
            <a:ext cx="4646027" cy="30776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US" sz="2000" dirty="0">
                <a:latin typeface="72 Brand"/>
              </a:rPr>
              <a:t>Where can you </a:t>
            </a:r>
            <a:r>
              <a:rPr lang="en-US" sz="2000" b="1" dirty="0">
                <a:solidFill>
                  <a:srgbClr val="F0AB00"/>
                </a:solidFill>
                <a:latin typeface="72 Brand"/>
              </a:rPr>
              <a:t>get</a:t>
            </a:r>
            <a:r>
              <a:rPr lang="en-US" sz="2000" dirty="0">
                <a:latin typeface="72 Brand"/>
              </a:rPr>
              <a:t> ABAP cleaner?</a:t>
            </a:r>
            <a:endParaRPr lang="en-US" dirty="0"/>
          </a:p>
        </p:txBody>
      </p:sp>
      <p:cxnSp>
        <p:nvCxnSpPr>
          <p:cNvPr id="15" name="Straight Connector 14" descr="Straight line">
            <a:extLst>
              <a:ext uri="{FF2B5EF4-FFF2-40B4-BE49-F238E27FC236}">
                <a16:creationId xmlns:a16="http://schemas.microsoft.com/office/drawing/2014/main" id="{0C1C90C2-73A3-5A42-B386-4932ACB90F77}"/>
              </a:ext>
            </a:extLst>
          </p:cNvPr>
          <p:cNvCxnSpPr>
            <a:cxnSpLocks/>
          </p:cNvCxnSpPr>
          <p:nvPr/>
        </p:nvCxnSpPr>
        <p:spPr>
          <a:xfrm>
            <a:off x="488951" y="3671967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B82E6658-9C8D-9E40-AD14-587B6DD2FBCA}"/>
              </a:ext>
            </a:extLst>
          </p:cNvPr>
          <p:cNvSpPr txBox="1"/>
          <p:nvPr/>
        </p:nvSpPr>
        <p:spPr>
          <a:xfrm>
            <a:off x="1403349" y="2769958"/>
            <a:ext cx="4646027" cy="30776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US" sz="2000" b="1" dirty="0">
                <a:solidFill>
                  <a:srgbClr val="F0AB00"/>
                </a:solidFill>
                <a:latin typeface="72 Brand"/>
              </a:rPr>
              <a:t>Who</a:t>
            </a:r>
            <a:r>
              <a:rPr lang="en-US" sz="2000" dirty="0">
                <a:latin typeface="72 Brand"/>
              </a:rPr>
              <a:t> is it for and </a:t>
            </a:r>
            <a:r>
              <a:rPr lang="en-US" sz="2000" b="1" dirty="0">
                <a:solidFill>
                  <a:srgbClr val="F0AB00"/>
                </a:solidFill>
                <a:latin typeface="72 Brand"/>
              </a:rPr>
              <a:t>why</a:t>
            </a:r>
            <a:r>
              <a:rPr lang="en-US" sz="2000" dirty="0">
                <a:latin typeface="72 Brand"/>
              </a:rPr>
              <a:t> should you use it?</a:t>
            </a:r>
            <a:endParaRPr lang="en-US" dirty="0"/>
          </a:p>
        </p:txBody>
      </p:sp>
      <p:cxnSp>
        <p:nvCxnSpPr>
          <p:cNvPr id="7" name="Straight Connector 6" descr="Straight line">
            <a:extLst>
              <a:ext uri="{FF2B5EF4-FFF2-40B4-BE49-F238E27FC236}">
                <a16:creationId xmlns:a16="http://schemas.microsoft.com/office/drawing/2014/main" id="{AABC31F4-B2CF-684C-AB8A-ECE0FCCF854C}"/>
              </a:ext>
            </a:extLst>
          </p:cNvPr>
          <p:cNvCxnSpPr>
            <a:cxnSpLocks/>
          </p:cNvCxnSpPr>
          <p:nvPr/>
        </p:nvCxnSpPr>
        <p:spPr>
          <a:xfrm>
            <a:off x="488951" y="2397735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B43FB1E2-2A51-9E49-96FF-CCFD6C6CA0D7}"/>
              </a:ext>
            </a:extLst>
          </p:cNvPr>
          <p:cNvSpPr txBox="1"/>
          <p:nvPr/>
        </p:nvSpPr>
        <p:spPr>
          <a:xfrm>
            <a:off x="1403349" y="1511992"/>
            <a:ext cx="4646027" cy="30776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US" sz="2000" b="1" dirty="0">
                <a:solidFill>
                  <a:srgbClr val="F0AB00"/>
                </a:solidFill>
                <a:latin typeface="72 Brand"/>
              </a:rPr>
              <a:t>What</a:t>
            </a:r>
            <a:r>
              <a:rPr lang="en-US" sz="2000" dirty="0">
                <a:latin typeface="72 Brand"/>
              </a:rPr>
              <a:t> is ABAP cleaner?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4936ECB-05AC-A74B-96D9-76DA733C57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sz="2400" kern="0" dirty="0">
                <a:ea typeface="Arial Unicode MS" pitchFamily="34" charset="-128"/>
                <a:cs typeface="Arial Unicode MS" pitchFamily="34" charset="-128"/>
              </a:rPr>
              <a:t>Agenda – ABAP cleaner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9437E43-F7BA-B04E-3E8E-AD215977E271}"/>
              </a:ext>
            </a:extLst>
          </p:cNvPr>
          <p:cNvSpPr txBox="1"/>
          <p:nvPr/>
        </p:nvSpPr>
        <p:spPr>
          <a:xfrm>
            <a:off x="503238" y="1299411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rgbClr val="46ADDF"/>
                </a:solidFill>
                <a:latin typeface="72 Brand Black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820BB62-7AB4-BF5B-E0D1-2751D54F7759}"/>
              </a:ext>
            </a:extLst>
          </p:cNvPr>
          <p:cNvSpPr txBox="1"/>
          <p:nvPr/>
        </p:nvSpPr>
        <p:spPr>
          <a:xfrm>
            <a:off x="503238" y="2585338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rgbClr val="46ADDF"/>
                </a:solidFill>
                <a:latin typeface="72 Brand Black" panose="020B0504030603020204" pitchFamily="34" charset="0"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3BB0380-88A7-0962-1BCE-10298AFC6455}"/>
              </a:ext>
            </a:extLst>
          </p:cNvPr>
          <p:cNvSpPr txBox="1"/>
          <p:nvPr/>
        </p:nvSpPr>
        <p:spPr>
          <a:xfrm>
            <a:off x="503238" y="3871265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rgbClr val="46ADDF"/>
                </a:solidFill>
                <a:latin typeface="72 Brand Black" panose="020B0504030603020204" pitchFamily="34" charset="0"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C1E9B7C-80CB-5CC2-EF29-D93EF163FB71}"/>
              </a:ext>
            </a:extLst>
          </p:cNvPr>
          <p:cNvSpPr txBox="1"/>
          <p:nvPr/>
        </p:nvSpPr>
        <p:spPr>
          <a:xfrm>
            <a:off x="503238" y="5157192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rgbClr val="46ADDF"/>
                </a:solidFill>
                <a:latin typeface="72 Brand Black" panose="020B0504030603020204" pitchFamily="34" charset="0"/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F6EFA63-1243-5795-D9EF-A766359E5A5A}"/>
              </a:ext>
            </a:extLst>
          </p:cNvPr>
          <p:cNvSpPr txBox="1"/>
          <p:nvPr/>
        </p:nvSpPr>
        <p:spPr>
          <a:xfrm>
            <a:off x="7148511" y="4024724"/>
            <a:ext cx="4646027" cy="30776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US" sz="2000" b="1" dirty="0">
                <a:solidFill>
                  <a:srgbClr val="F0AB00"/>
                </a:solidFill>
                <a:latin typeface="72 Brand"/>
              </a:rPr>
              <a:t>Q&amp;A</a:t>
            </a:r>
            <a:endParaRPr lang="en-US" b="1" dirty="0">
              <a:solidFill>
                <a:srgbClr val="F0AB00"/>
              </a:solidFill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93AEAD9-6E75-BF6C-5B26-C66B39938CED}"/>
              </a:ext>
            </a:extLst>
          </p:cNvPr>
          <p:cNvSpPr txBox="1"/>
          <p:nvPr/>
        </p:nvSpPr>
        <p:spPr>
          <a:xfrm>
            <a:off x="7148511" y="2769958"/>
            <a:ext cx="4646027" cy="30776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US" sz="2000" dirty="0">
                <a:latin typeface="72 Brand"/>
              </a:rPr>
              <a:t>How will the project </a:t>
            </a:r>
            <a:r>
              <a:rPr lang="en-US" sz="2000" b="1" dirty="0">
                <a:solidFill>
                  <a:srgbClr val="F0AB00"/>
                </a:solidFill>
                <a:latin typeface="72 Brand"/>
              </a:rPr>
              <a:t>evolve</a:t>
            </a:r>
            <a:r>
              <a:rPr lang="en-US" sz="2000" dirty="0">
                <a:latin typeface="72 Brand"/>
              </a:rPr>
              <a:t>?</a:t>
            </a:r>
            <a:endParaRPr lang="en-US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7BF578A-9D38-775D-5AE1-E9D09E2BCD18}"/>
              </a:ext>
            </a:extLst>
          </p:cNvPr>
          <p:cNvSpPr txBox="1"/>
          <p:nvPr/>
        </p:nvSpPr>
        <p:spPr>
          <a:xfrm>
            <a:off x="7148511" y="1511992"/>
            <a:ext cx="4646027" cy="30776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US" sz="2000" dirty="0">
                <a:latin typeface="72 Brand"/>
              </a:rPr>
              <a:t>How can you </a:t>
            </a:r>
            <a:r>
              <a:rPr lang="en-US" sz="2000" b="1" dirty="0">
                <a:solidFill>
                  <a:srgbClr val="F0AB00"/>
                </a:solidFill>
                <a:latin typeface="72 Brand"/>
              </a:rPr>
              <a:t>configure</a:t>
            </a:r>
            <a:r>
              <a:rPr lang="en-US" sz="2000" dirty="0">
                <a:latin typeface="72 Brand"/>
              </a:rPr>
              <a:t> ABAP cleaner?</a:t>
            </a:r>
            <a:endParaRPr lang="en-US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90506B6-D7D4-FC18-D0BA-89092ECCFDDE}"/>
              </a:ext>
            </a:extLst>
          </p:cNvPr>
          <p:cNvSpPr txBox="1"/>
          <p:nvPr/>
        </p:nvSpPr>
        <p:spPr>
          <a:xfrm>
            <a:off x="6248400" y="1299411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rgbClr val="46ADDF"/>
                </a:solidFill>
                <a:latin typeface="72 Brand Black" panose="020B0504030603020204" pitchFamily="34" charset="0"/>
                <a:ea typeface="Arial Unicode MS" pitchFamily="34" charset="-128"/>
                <a:cs typeface="Arial Unicode MS" pitchFamily="34" charset="-128"/>
              </a:rPr>
              <a:t>5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41A167BE-62B2-4284-2386-925955E9D8F0}"/>
              </a:ext>
            </a:extLst>
          </p:cNvPr>
          <p:cNvSpPr txBox="1"/>
          <p:nvPr/>
        </p:nvSpPr>
        <p:spPr>
          <a:xfrm>
            <a:off x="6248400" y="2585338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rgbClr val="46ADDF"/>
                </a:solidFill>
                <a:latin typeface="72 Brand Black" panose="020B0504030603020204" pitchFamily="34" charset="0"/>
                <a:ea typeface="Arial Unicode MS" pitchFamily="34" charset="-128"/>
                <a:cs typeface="Arial Unicode MS" pitchFamily="34" charset="-128"/>
              </a:rPr>
              <a:t>6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7088DFD5-A84F-F8EC-18FC-A73257AD4693}"/>
              </a:ext>
            </a:extLst>
          </p:cNvPr>
          <p:cNvSpPr txBox="1"/>
          <p:nvPr/>
        </p:nvSpPr>
        <p:spPr>
          <a:xfrm>
            <a:off x="6248400" y="3871265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rgbClr val="46ADDF"/>
                </a:solidFill>
                <a:latin typeface="72 Brand Black" panose="020B0504030603020204" pitchFamily="34" charset="0"/>
                <a:ea typeface="Arial Unicode MS" pitchFamily="34" charset="-128"/>
                <a:cs typeface="Arial Unicode MS" pitchFamily="34" charset="-128"/>
              </a:rPr>
              <a:t>7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067258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12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3.xml><?xml version="1.0" encoding="utf-8"?>
<TemplafySlideTemplateConfiguration><![CDATA[{"slideVersion":13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2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bNSU3Pw4Gyc4shCtJaykrx0wvtlxo5J8zr5MhVcSZRA="},{"name":"Date","value":"518eEoq+j6csGTEZKzXifg=="},{"name":"SpeakerName","value":"w2MnM8omDyQ1U+VFwPOtQnayC4NRiNt+WLvLfx0Io3w="},{"name":"Email","value":"NGugwgvL6YzkhEd1mjrpnRReV5hbgP5N3o7GPKN8Wuo="}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shape","id":"69013ba3-26c5-4e15-8fde-85ba85252dc0","elementConfiguration":{"binding":"{{ DataSources.Classification[Form.Classification.Name].Display}}","type":"text","disableUpdates":false}},{"type":"shape","id":"eb8ee713-2ee9-418e-93e6-9d11eac0dfb3","elementConfiguration":{"inheritDimensions":"{{InheritDimensions.InheritNone}}","width":"","height":"1 cm","image":"{{Form.SAPLogo.SubbrandBlue}}","visibility":"","type":"image","disableUpdates":false}},{"type":"shape","id":"cb483642-e610-4b11-90a3-a92fed69e5cb","elementConfiguration":{"binding":"{{Form.Classification.Display}}","visibility":"","type":"text","disableUpdates":false}},{"type":"shape","id":"11eb4682-c810-4101-ae7f-7eee3fc2d526","elementConfiguration":{"binding":"{{Form.Classification.Display}}","visibility":"","type":"text","disableUpdates":false}},{"type":"shape","id":"2d28a43a-818d-44c7-b080-82402428aa5d","elementConfiguration":{"inheritDimensions":"{{InheritDimensions.InheritNone}}","width":"","height":"1 cm","image":"{{Form.SAPLogo.SubbrandBlack}}","visibility":"","type":"image","disableUpdates":false}},{"type":"shape","id":"ed07e62a-afb2-4b3f-94cd-ecfcf59cd8c1","elementConfiguration":{"inheritDimensions":"{{InheritDimensions.InheritNone}}","width":"","height":"1 cm","image":"{{Form.SAPLogo.SubbrandWhite}}","visibility":"","type":"image","disableUpdates":false}},{"type":"shape","id":"eab76f87-b263-41bd-b4e9-346bdcf5d740","elementConfiguration":{"binding":"{{Form.Classification.Display}}","visibility":"","type":"text","disableUpdates":false}},{"type":"shape","id":"50481bb9-4dcb-4c1e-9795-fd2b28a31202","elementConfiguration":{"inheritDimensions":"{{InheritDimensions.InheritNone}}","width":"","height":"1 cm","image":"{{Form.SAPLogo.SubbrandBlue}}","visibility":"","type":"image","disableUpdates":false}},{"type":"shape","id":"263e2a02-6221-47d6-9b35-8ddf219b2a73","elementConfiguration":{"binding":"{{Form.Classification.Display}}","visibility":"","type":"text","disableUpdates":false}},{"type":"shape","id":"168ded71-6184-4d6d-bf32-74026fde4805","elementConfiguration":{"inheritDimensions":"{{InheritDimensions.InheritNone}}","width":"","height":"1 cm","image":"{{Form.SAPLogo.SubbrandBlue}}","visibility":"","type":"image","disableUpdates":false}},{"type":"shape","id":"08e6fe06-5351-4b1e-9a68-cef04b7f0513","elementConfiguration":{"binding":"{{Form.Classification.Display}}","visibility":"","type":"text","disableUpdates":false}},{"type":"shape","id":"04f559a7-d305-4f39-99e5-18aaaf4931ab","elementConfiguration":{"inheritDimensions":"{{InheritDimensions.InheritNone}}","width":"","height":"1 cm","image":"{{Form.SAPLogo.SubbrandBlue}}","visibility":"","type":"image","disableUpdates":false}},{"type":"shape","id":"30d1d0c8-95fd-43ce-afcf-30c42c7db274","elementConfiguration":{"binding":"{{Form.Classification.Display}}","visibility":"","type":"text","disableUpdates":false}},{"type":"shape","id":"63920dcd-f16a-47be-b215-d548aed2e221","elementConfiguration":{"inheritDimensions":"{{InheritDimensions.InheritNone}}","width":"","height":"1 cm","image":"{{Form.SAPLogo.SubbrandWhite}}","visibility":"","type":"image","disableUpdates":false}},{"type":"shape","id":"819571f9-ed30-410e-b8e9-a04800213ca9","elementConfiguration":{"binding":"{{Form.Classification.Display}}","visibility":"","type":"text","disableUpdates":false}},{"type":"shape","id":"38baf28a-c009-443f-8cb2-f9eaf14e8eae","elementConfiguration":{"binding":"{{DataSources.PPTCopyRight[\"Slide 5 copyright\"].CopyrightMessage}}","visibility":"","type":"text","disableUpdates":false}},{"type":"shape","id":"f12be15d-6750-44fc-80b5-52ec79a8a1e3","elementConfiguration":{"inheritDimensions":"{{InheritDimensions.InheritNone}}","width":"","height":"1 cm","image":"{{Form.SAPLogo.SubbrandBlack}}","visibility":"","type":"image","disableUpdates":false}},{"type":"shape","id":"3a5ec37a-c1db-4848-9d38-b1482eb0282a","elementConfiguration":{"binding":"{{Form.Classification.Display}}","visibility":"","type":"text","disableUpdates":false}},{"type":"shape","id":"6dce4280-d0b2-4878-a629-6e1e5467bfb2","elementConfiguration":{"inheritDimensions":"{{InheritDimensions.InheritNone}}","width":"","height":"1 cm","image":"{{Form.SAPLogo.SubbrandWhite}}","visibility":"","type":"image","disableUpdates":false}},{"type":"shape","id":"210287da-8b52-4d7f-9d2d-28d7e584c8db","elementConfiguration":{"binding":"{{Form.Classification.Display}}","visibility":"","type":"text","disableUpdates":false}},{"type":"shape","id":"6c2c3bbd-41bc-4228-887c-75deb98457d3","elementConfiguration":{"inheritDimensions":"{{InheritDimensions.InheritNone}}","width":"","height":"1 cm","image":"{{Form.SAPLogo.SubbrandBlack}}","visibility":"","type":"image","disableUpdates":false}},{"type":"shape","id":"018efe37-4b3a-4107-88b1-b39363b312f8","elementConfiguration":{"binding":"{{Form.Classification.Display}}","visibility":"","type":"text","disableUpdates":false}},{"type":"shape","id":"33dc8429-ed36-491b-8ff8-cd64a702bee9","elementConfiguration":{"inheritDimensions":"{{InheritDimensions.InheritNone}}","width":"","height":"1 cm","image":"{{Form.SAPLogo.SubbrandWhite}}","visibility":"","type":"image","disableUpdates":false}},{"type":"shape","id":"18b39780-6793-45d0-90c9-cece3bfb8d11","elementConfiguration":{"binding":"{{Form.Classification.Display}}","visibility":"","type":"text","disableUpdates":false}},{"type":"shape","id":"f5d1dbdd-0b04-427c-8af6-548b0c118a87","elementConfiguration":{"inheritDimensions":"{{InheritDimensions.InheritNone}}","width":"","height":"1 cm","image":"{{Form.SAPLogo.SubbrandWhite}}","visibility":"","type":"image","disableUpdates":false}},{"type":"shape","id":"6a74190c-bea4-4e03-884f-7882b18062a2","elementConfiguration":{"binding":"{{Form.Classification.Display}}","visibility":"","type":"text","disableUpdates":false}},{"type":"shape","id":"4aa0dcfc-67ae-4080-8ba2-a1253848fa5c","elementConfiguration":{"binding":"{{StringJoin(\", \", Form.SpeakerName,\"SAP\")}}","type":"text","disableUpdates":false}},{"type":"shape","id":"818356d3-7c19-4f35-a274-226c5a466267","elementConfiguration":{"binding":"{{FormatDateTime(Form.Date,\"MMMM dd, yyyy\",\"en-US\")}}","type":"text","disableUpdates":false}},{"type":"shape","id":"001d0774-5705-4fb5-b298-7ddcecc50267","elementConfiguration":{"binding":"{{StringJoin(\", \", Form.SpeakerName,\"SAP\")}}","type":"text","disableUpdates":false}},{"type":"shape","id":"1a641352-31eb-4cda-8104-565498b88b2e","elementConfiguration":{"binding":"{{FormatDateTime(Form.Date,\"MMMM dd, yyyy\",\"en-US\")}}","type":"text","disableUpdates":false}},{"type":"shape","id":"18c9120c-16ee-427b-929d-54f17141e1e7","elementConfiguration":{"binding":"{{StringJoin(\", \", Form.SpeakerName,\"SAP\")}}","type":"text","disableUpdates":false}},{"type":"shape","id":"6025fdc1-f78b-4679-9a3c-2140f6bf41ba","elementConfiguration":{"binding":"{{FormatDateTime(Form.Date,\"MMMM dd, yyyy\",\"en-US\")}}","type":"text","disableUpdates":false}},{"type":"shape","id":"cbdc3696-c3b9-464b-938c-b96caabd2e6b","elementConfiguration":{"binding":"{{StringJoin(\", \", Form.SpeakerName,\"SAP\")}}","type":"text","disableUpdates":false}},{"type":"shape","id":"01f2a79c-91c5-4486-ba22-d5dbfa10e6f3","elementConfiguration":{"binding":"{{FormatDateTime(Form.Date,\"MMMM dd, yyyy\",\"en-US\")}}","type":"text","disableUpdates":false}},{"type":"shape","id":"1344825f-0a96-423e-898d-5b74d46786f4","elementConfiguration":{"binding":"{{StringJoin(\", \", Form.SpeakerName,\"SAP\")}}","type":"text","disableUpdates":false}},{"type":"shape","id":"a130cdfa-6b0a-4e1f-9e9f-e5b5c91581f2","elementConfiguration":{"binding":"{{FormatDateTime(Form.Date,\"MMMM dd, yyyy\",\"en-US\")}}","type":"text","disableUpdates":false}},{"type":"shape","id":"c6957caa-c0ce-49ce-adc3-6b3db599fef4","elementConfiguration":{"binding":"{{StringJoin(\", \", Form.SpeakerName,\"SAP\")}}","type":"text","disableUpdates":false}},{"type":"shape","id":"2c303473-de89-4918-a894-5ba902dfe88e","elementConfiguration":{"binding":"{{FormatDateTime(Form.Date,\"MMMM dd, yyyy\",\"en-US\")}}","type":"text","disableUpdates":false}},{"type":"shape","id":"fb1cc083-568f-4de0-9aa7-c9e38ffb3070","elementConfiguration":{"binding":"{{Form.SpeakerName}}","type":"text","disableUpdates":false}},{"type":"shape","id":"c80d7098-67c6-456e-936a-0473fafab8ea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SlideTemplateConfiguration><![CDATA[{"slideVersion":15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259724375493089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8D6C6363-9F52-4D4D-A246-89DCB8CEBD7A}">
  <ds:schemaRefs/>
</ds:datastoreItem>
</file>

<file path=customXml/itemProps11.xml><?xml version="1.0" encoding="utf-8"?>
<ds:datastoreItem xmlns:ds="http://schemas.openxmlformats.org/officeDocument/2006/customXml" ds:itemID="{41825E3E-52BF-4A11-A6AE-8D9059CCDBBB}">
  <ds:schemaRefs/>
</ds:datastoreItem>
</file>

<file path=customXml/itemProps12.xml><?xml version="1.0" encoding="utf-8"?>
<ds:datastoreItem xmlns:ds="http://schemas.openxmlformats.org/officeDocument/2006/customXml" ds:itemID="{47869D81-24A3-1649-A7BC-E604AE89024C}">
  <ds:schemaRefs/>
</ds:datastoreItem>
</file>

<file path=customXml/itemProps13.xml><?xml version="1.0" encoding="utf-8"?>
<ds:datastoreItem xmlns:ds="http://schemas.openxmlformats.org/officeDocument/2006/customXml" ds:itemID="{3E4381A6-8E2C-574D-B48E-536A53B18F66}">
  <ds:schemaRefs/>
</ds:datastoreItem>
</file>

<file path=customXml/itemProps2.xml><?xml version="1.0" encoding="utf-8"?>
<ds:datastoreItem xmlns:ds="http://schemas.openxmlformats.org/officeDocument/2006/customXml" ds:itemID="{CC49FFC8-2FF3-4057-96F0-3BCD1A4F0351}">
  <ds:schemaRefs/>
</ds:datastoreItem>
</file>

<file path=customXml/itemProps3.xml><?xml version="1.0" encoding="utf-8"?>
<ds:datastoreItem xmlns:ds="http://schemas.openxmlformats.org/officeDocument/2006/customXml" ds:itemID="{C1422F45-04DB-421D-8796-270006657806}">
  <ds:schemaRefs>
    <ds:schemaRef ds:uri="http://purl.org/dc/elements/1.1/"/>
    <ds:schemaRef ds:uri="http://schemas.microsoft.com/office/infopath/2007/PartnerControls"/>
    <ds:schemaRef ds:uri="0e00d59e-b0d2-4e67-be34-67e465b0fbed"/>
    <ds:schemaRef ds:uri="http://www.w3.org/XML/1998/namespace"/>
    <ds:schemaRef ds:uri="http://schemas.microsoft.com/office/2006/documentManagement/types"/>
    <ds:schemaRef ds:uri="http://purl.org/dc/dcmitype/"/>
    <ds:schemaRef ds:uri="http://schemas.microsoft.com/office/2006/metadata/properties"/>
    <ds:schemaRef ds:uri="http://schemas.openxmlformats.org/package/2006/metadata/core-properties"/>
    <ds:schemaRef ds:uri="47fc58d8-9f4b-4bc8-b278-c3cb6f298023"/>
    <ds:schemaRef ds:uri="http://purl.org/dc/terms/"/>
  </ds:schemaRefs>
</ds:datastoreItem>
</file>

<file path=customXml/itemProps4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26BBCBB-1894-4E66-BA48-9E91CE3ACBA0}">
  <ds:schemaRefs/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F444086E-23D4-43AE-9B84-AA7543534A61}">
  <ds:schemaRefs/>
</ds:datastoreItem>
</file>

<file path=customXml/itemProps8.xml><?xml version="1.0" encoding="utf-8"?>
<ds:datastoreItem xmlns:ds="http://schemas.openxmlformats.org/officeDocument/2006/customXml" ds:itemID="{97E3BD22-8559-41C7-B32B-85AADBCE3220}">
  <ds:schemaRefs/>
</ds:datastoreItem>
</file>

<file path=customXml/itemProps9.xml><?xml version="1.0" encoding="utf-8"?>
<ds:datastoreItem xmlns:ds="http://schemas.openxmlformats.org/officeDocument/2006/customXml" ds:itemID="{7F6898E6-9ADD-4538-B0E5-FC21C8DB6903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8327</TotalTime>
  <Words>1331</Words>
  <Application>Microsoft Office PowerPoint</Application>
  <PresentationFormat>Custom</PresentationFormat>
  <Paragraphs>167</Paragraphs>
  <Slides>27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1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7</vt:i4>
      </vt:variant>
    </vt:vector>
  </HeadingPairs>
  <TitlesOfParts>
    <vt:vector size="39" baseType="lpstr">
      <vt:lpstr>72 Brand Medium</vt:lpstr>
      <vt:lpstr>Courier New</vt:lpstr>
      <vt:lpstr>72 Brand Black</vt:lpstr>
      <vt:lpstr>72 Brand</vt:lpstr>
      <vt:lpstr>Wingdings</vt:lpstr>
      <vt:lpstr>Symbol</vt:lpstr>
      <vt:lpstr>Segoe UI</vt:lpstr>
      <vt:lpstr>Roboto</vt:lpstr>
      <vt:lpstr>72</vt:lpstr>
      <vt:lpstr>Wingdings</vt:lpstr>
      <vt:lpstr>Arial</vt:lpstr>
      <vt:lpstr>SAP Template 2024</vt:lpstr>
      <vt:lpstr>ABAP Tools for Clean ABAP</vt:lpstr>
      <vt:lpstr>Why Clean ABAP?</vt:lpstr>
      <vt:lpstr>You need another motivation?</vt:lpstr>
      <vt:lpstr>Agenda</vt:lpstr>
      <vt:lpstr>Clean ABAP Style guide  – Useful Links</vt:lpstr>
      <vt:lpstr>Code pal for Clean ABAP</vt:lpstr>
      <vt:lpstr>Code pal for Clean ABAP</vt:lpstr>
      <vt:lpstr>Demo: Code pal for ABAP</vt:lpstr>
      <vt:lpstr>Agenda – ABAP cleaner</vt:lpstr>
      <vt:lpstr>What is ABAP cleaner?</vt:lpstr>
      <vt:lpstr>What is ABAP cleaner?</vt:lpstr>
      <vt:lpstr>What is ABAP cleaner?</vt:lpstr>
      <vt:lpstr>Context: SAP-initiated Open Source projects on Clean ABAP</vt:lpstr>
      <vt:lpstr>Who is ABAP cleaner for  and why should you use it?</vt:lpstr>
      <vt:lpstr>Who is ABAP cleaner for?</vt:lpstr>
      <vt:lpstr>Why should you use ABAP cleaner? </vt:lpstr>
      <vt:lpstr>Demo: Where can you get ABAP cleaner? </vt:lpstr>
      <vt:lpstr>Demo: How can you use ABAP cleaner?</vt:lpstr>
      <vt:lpstr>Demo: How can you configure ABAP cleaner?</vt:lpstr>
      <vt:lpstr>More on how to install, use and configure ABAP cleaner</vt:lpstr>
      <vt:lpstr>How will ABAP cleaner evolve?</vt:lpstr>
      <vt:lpstr>Community engagement</vt:lpstr>
      <vt:lpstr>Evolution of ABAP cleaner</vt:lpstr>
      <vt:lpstr>How will ABAP cleaner evolve?</vt:lpstr>
      <vt:lpstr>How to contribute</vt:lpstr>
      <vt:lpstr>Resources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BAP Tools for Clean ABAP</dc:title>
  <dc:subject/>
  <dc:creator>Grassau, Joerg-Michael;bjoern.jueliger@sap.com</dc:creator>
  <cp:keywords>2024/16:9/white</cp:keywords>
  <dc:description/>
  <cp:lastModifiedBy>Grassau, Joerg-Michael</cp:lastModifiedBy>
  <cp:revision>31</cp:revision>
  <dcterms:created xsi:type="dcterms:W3CDTF">2024-06-06T04:37:02Z</dcterms:created>
  <dcterms:modified xsi:type="dcterms:W3CDTF">2024-06-27T08:47:3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3" name="_NewReviewCycle">
    <vt:lpwstr/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4-05-31T14:47:17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709997488455315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</Properties>
</file>